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diagrams/data5.xml" ContentType="application/vnd.openxmlformats-officedocument.drawingml.diagramData+xml"/>
  <Override PartName="/ppt/diagrams/layout5.xml" ContentType="application/vnd.openxmlformats-officedocument.drawingml.diagramLayout+xml"/>
  <Override PartName="/ppt/diagrams/quickStyle5.xml" ContentType="application/vnd.openxmlformats-officedocument.drawingml.diagramStyle+xml"/>
  <Override PartName="/ppt/diagrams/colors5.xml" ContentType="application/vnd.openxmlformats-officedocument.drawingml.diagramColors+xml"/>
  <Override PartName="/ppt/diagrams/drawing5.xml" ContentType="application/vnd.ms-office.drawingml.diagramDrawing+xml"/>
  <Override PartName="/ppt/diagrams/data6.xml" ContentType="application/vnd.openxmlformats-officedocument.drawingml.diagramData+xml"/>
  <Override PartName="/ppt/diagrams/layout6.xml" ContentType="application/vnd.openxmlformats-officedocument.drawingml.diagramLayout+xml"/>
  <Override PartName="/ppt/diagrams/quickStyle6.xml" ContentType="application/vnd.openxmlformats-officedocument.drawingml.diagramStyle+xml"/>
  <Override PartName="/ppt/diagrams/colors6.xml" ContentType="application/vnd.openxmlformats-officedocument.drawingml.diagramColors+xml"/>
  <Override PartName="/ppt/diagrams/drawing6.xml" ContentType="application/vnd.ms-office.drawingml.diagramDrawing+xml"/>
  <Override PartName="/ppt/charts/chartEx1.xml" ContentType="application/vnd.ms-office.chartex+xml"/>
  <Override PartName="/ppt/charts/style1.xml" ContentType="application/vnd.ms-office.chartstyle+xml"/>
  <Override PartName="/ppt/charts/colors1.xml" ContentType="application/vnd.ms-office.chartcolorstyle+xml"/>
  <Override PartName="/ppt/charts/chart1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2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diagrams/data7.xml" ContentType="application/vnd.openxmlformats-officedocument.drawingml.diagramData+xml"/>
  <Override PartName="/ppt/diagrams/layout7.xml" ContentType="application/vnd.openxmlformats-officedocument.drawingml.diagramLayout+xml"/>
  <Override PartName="/ppt/diagrams/quickStyle7.xml" ContentType="application/vnd.openxmlformats-officedocument.drawingml.diagramStyle+xml"/>
  <Override PartName="/ppt/diagrams/colors7.xml" ContentType="application/vnd.openxmlformats-officedocument.drawingml.diagramColors+xml"/>
  <Override PartName="/ppt/diagrams/drawing7.xml" ContentType="application/vnd.ms-office.drawingml.diagramDrawing+xml"/>
  <Override PartName="/ppt/diagrams/data8.xml" ContentType="application/vnd.openxmlformats-officedocument.drawingml.diagramData+xml"/>
  <Override PartName="/ppt/diagrams/layout8.xml" ContentType="application/vnd.openxmlformats-officedocument.drawingml.diagramLayout+xml"/>
  <Override PartName="/ppt/diagrams/quickStyle8.xml" ContentType="application/vnd.openxmlformats-officedocument.drawingml.diagramStyle+xml"/>
  <Override PartName="/ppt/diagrams/colors8.xml" ContentType="application/vnd.openxmlformats-officedocument.drawingml.diagramColors+xml"/>
  <Override PartName="/ppt/diagrams/drawing8.xml" ContentType="application/vnd.ms-office.drawingml.diagramDrawing+xml"/>
  <Override PartName="/ppt/diagrams/data9.xml" ContentType="application/vnd.openxmlformats-officedocument.drawingml.diagramData+xml"/>
  <Override PartName="/ppt/diagrams/layout9.xml" ContentType="application/vnd.openxmlformats-officedocument.drawingml.diagramLayout+xml"/>
  <Override PartName="/ppt/diagrams/quickStyle9.xml" ContentType="application/vnd.openxmlformats-officedocument.drawingml.diagramStyle+xml"/>
  <Override PartName="/ppt/diagrams/colors9.xml" ContentType="application/vnd.openxmlformats-officedocument.drawingml.diagramColors+xml"/>
  <Override PartName="/ppt/diagrams/drawing9.xml" ContentType="application/vnd.ms-office.drawingml.diagramDrawing+xml"/>
  <Override PartName="/ppt/ink/ink1.xml" ContentType="application/inkml+xml"/>
  <Override PartName="/ppt/ink/ink2.xml" ContentType="application/inkml+xml"/>
  <Override PartName="/ppt/ink/ink3.xml" ContentType="application/inkml+xml"/>
  <Override PartName="/ppt/diagrams/data10.xml" ContentType="application/vnd.openxmlformats-officedocument.drawingml.diagramData+xml"/>
  <Override PartName="/ppt/diagrams/layout10.xml" ContentType="application/vnd.openxmlformats-officedocument.drawingml.diagramLayout+xml"/>
  <Override PartName="/ppt/diagrams/quickStyle10.xml" ContentType="application/vnd.openxmlformats-officedocument.drawingml.diagramStyle+xml"/>
  <Override PartName="/ppt/diagrams/colors10.xml" ContentType="application/vnd.openxmlformats-officedocument.drawingml.diagramColors+xml"/>
  <Override PartName="/ppt/diagrams/drawing10.xml" ContentType="application/vnd.ms-office.drawingml.diagramDrawing+xml"/>
  <Override PartName="/ppt/diagrams/data11.xml" ContentType="application/vnd.openxmlformats-officedocument.drawingml.diagramData+xml"/>
  <Override PartName="/ppt/diagrams/layout11.xml" ContentType="application/vnd.openxmlformats-officedocument.drawingml.diagramLayout+xml"/>
  <Override PartName="/ppt/diagrams/quickStyle11.xml" ContentType="application/vnd.openxmlformats-officedocument.drawingml.diagramStyle+xml"/>
  <Override PartName="/ppt/diagrams/colors11.xml" ContentType="application/vnd.openxmlformats-officedocument.drawingml.diagramColors+xml"/>
  <Override PartName="/ppt/diagrams/drawing11.xml" ContentType="application/vnd.ms-office.drawingml.diagramDrawing+xml"/>
  <Override PartName="/ppt/diagrams/data12.xml" ContentType="application/vnd.openxmlformats-officedocument.drawingml.diagramData+xml"/>
  <Override PartName="/ppt/diagrams/layout12.xml" ContentType="application/vnd.openxmlformats-officedocument.drawingml.diagramLayout+xml"/>
  <Override PartName="/ppt/diagrams/quickStyle12.xml" ContentType="application/vnd.openxmlformats-officedocument.drawingml.diagramStyle+xml"/>
  <Override PartName="/ppt/diagrams/colors12.xml" ContentType="application/vnd.openxmlformats-officedocument.drawingml.diagramColors+xml"/>
  <Override PartName="/ppt/diagrams/drawing12.xml" ContentType="application/vnd.ms-office.drawingml.diagramDrawing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9"/>
  </p:notesMasterIdLst>
  <p:handoutMasterIdLst>
    <p:handoutMasterId r:id="rId40"/>
  </p:handoutMasterIdLst>
  <p:sldIdLst>
    <p:sldId id="256" r:id="rId8"/>
    <p:sldId id="543" r:id="rId9"/>
    <p:sldId id="533" r:id="rId10"/>
    <p:sldId id="260" r:id="rId11"/>
    <p:sldId id="527" r:id="rId12"/>
    <p:sldId id="528" r:id="rId13"/>
    <p:sldId id="553" r:id="rId14"/>
    <p:sldId id="538" r:id="rId15"/>
    <p:sldId id="548" r:id="rId16"/>
    <p:sldId id="551" r:id="rId17"/>
    <p:sldId id="550" r:id="rId18"/>
    <p:sldId id="546" r:id="rId19"/>
    <p:sldId id="552" r:id="rId20"/>
    <p:sldId id="549" r:id="rId21"/>
    <p:sldId id="534" r:id="rId22"/>
    <p:sldId id="516" r:id="rId23"/>
    <p:sldId id="517" r:id="rId24"/>
    <p:sldId id="518" r:id="rId25"/>
    <p:sldId id="519" r:id="rId26"/>
    <p:sldId id="542" r:id="rId27"/>
    <p:sldId id="541" r:id="rId28"/>
    <p:sldId id="540" r:id="rId29"/>
    <p:sldId id="263" r:id="rId30"/>
    <p:sldId id="520" r:id="rId31"/>
    <p:sldId id="544" r:id="rId32"/>
    <p:sldId id="564" r:id="rId33"/>
    <p:sldId id="565" r:id="rId34"/>
    <p:sldId id="514" r:id="rId35"/>
    <p:sldId id="562" r:id="rId36"/>
    <p:sldId id="563" r:id="rId37"/>
    <p:sldId id="560" r:id="rId38"/>
  </p:sldIdLst>
  <p:sldSz cx="12190413" cy="6858000"/>
  <p:notesSz cx="6858000" cy="9144000"/>
  <p:custDataLst>
    <p:tags r:id="rId4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F3EEA"/>
    <a:srgbClr val="E2FA00"/>
    <a:srgbClr val="0000A0"/>
    <a:srgbClr val="FF9500"/>
    <a:srgbClr val="7FAF1B"/>
    <a:srgbClr val="0B108C"/>
    <a:srgbClr val="FF003C"/>
    <a:srgbClr val="F38630"/>
    <a:srgbClr val="062E39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  <a:tblStyle styleId="{37CE84F3-28C3-443E-9E96-99CF82512B78}" styleName="Dark Style 1 - Accent 2">
    <a:wholeTbl>
      <a:tcTxStyle>
        <a:fontRef idx="minor">
          <a:scrgbClr r="0" g="0" b="0"/>
        </a:fontRef>
        <a:schemeClr val="lt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2"/>
          </a:solidFill>
        </a:fill>
      </a:tcStyle>
    </a:wholeTbl>
    <a:band1H>
      <a:tcStyle>
        <a:tcBdr/>
        <a:fill>
          <a:solidFill>
            <a:schemeClr val="accent2">
              <a:shade val="60000"/>
            </a:schemeClr>
          </a:solidFill>
        </a:fill>
      </a:tcStyle>
    </a:band1H>
    <a:band1V>
      <a:tcStyle>
        <a:tcBdr/>
        <a:fill>
          <a:solidFill>
            <a:schemeClr val="accent2">
              <a:shade val="60000"/>
            </a:schemeClr>
          </a:solidFill>
        </a:fill>
      </a:tcStyle>
    </a:band1V>
    <a:lastCol>
      <a:tcTxStyle b="on"/>
      <a:tcStyle>
        <a:tcBdr>
          <a:left>
            <a:ln w="25400" cmpd="sng">
              <a:solidFill>
                <a:schemeClr val="lt1"/>
              </a:solidFill>
            </a:ln>
          </a:left>
        </a:tcBdr>
        <a:fill>
          <a:solidFill>
            <a:schemeClr val="accent2">
              <a:shade val="60000"/>
            </a:schemeClr>
          </a:solidFill>
        </a:fill>
      </a:tcStyle>
    </a:lastCol>
    <a:firstCol>
      <a:tcTxStyle b="on"/>
      <a:tcStyle>
        <a:tcBdr>
          <a:right>
            <a:ln w="25400" cmpd="sng">
              <a:solidFill>
                <a:schemeClr val="lt1"/>
              </a:solidFill>
            </a:ln>
          </a:right>
        </a:tcBdr>
        <a:fill>
          <a:solidFill>
            <a:schemeClr val="accent2">
              <a:shade val="60000"/>
            </a:schemeClr>
          </a:solidFill>
        </a:fill>
      </a:tcStyle>
    </a:firstCol>
    <a:lastRow>
      <a:tcTxStyle b="on"/>
      <a:tcStyle>
        <a:tcBdr>
          <a:top>
            <a:ln w="25400" cmpd="sng">
              <a:solidFill>
                <a:schemeClr val="lt1"/>
              </a:solidFill>
            </a:ln>
          </a:top>
        </a:tcBdr>
        <a:fill>
          <a:solidFill>
            <a:schemeClr val="accent2">
              <a:shade val="40000"/>
            </a:schemeClr>
          </a:solidFill>
        </a:fill>
      </a:tcStyle>
    </a:lastRow>
    <a:seCell>
      <a:tcStyle>
        <a:tcBdr>
          <a:left>
            <a:ln>
              <a:noFill/>
            </a:ln>
          </a:left>
        </a:tcBdr>
      </a:tcStyle>
    </a:seCell>
    <a:swCell>
      <a:tcStyle>
        <a:tcBdr>
          <a:right>
            <a:ln>
              <a:noFill/>
            </a:ln>
          </a:right>
        </a:tcBdr>
      </a:tcStyle>
    </a:swCell>
    <a:firstRow>
      <a:tcTxStyle b="on"/>
      <a:tcStyle>
        <a:tcBdr>
          <a:bottom>
            <a:ln w="254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  <a:neCell>
      <a:tcStyle>
        <a:tcBdr>
          <a:left>
            <a:ln>
              <a:noFill/>
            </a:ln>
          </a:left>
        </a:tcBdr>
      </a:tcStyle>
    </a:neCell>
    <a:nwCell>
      <a:tcStyle>
        <a:tcBdr>
          <a:right>
            <a:ln>
              <a:noFill/>
            </a:ln>
          </a:right>
        </a:tcBdr>
      </a:tcStyle>
    </a:nwCell>
  </a:tblStyle>
  <a:tblStyle styleId="{E269D01E-BC32-4049-B463-5C60D7B0CCD2}" styleName="Themed Style 2 - Accent 4">
    <a:tblBg>
      <a:fillRef idx="3">
        <a:schemeClr val="accent4"/>
      </a:fillRef>
      <a:effectRef idx="3">
        <a:schemeClr val="accent4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4">
                <a:tint val="50000"/>
              </a:schemeClr>
            </a:lnRef>
          </a:left>
          <a:right>
            <a:lnRef idx="1">
              <a:schemeClr val="accent4">
                <a:tint val="50000"/>
              </a:schemeClr>
            </a:lnRef>
          </a:right>
          <a:top>
            <a:lnRef idx="1">
              <a:schemeClr val="accent4">
                <a:tint val="50000"/>
              </a:schemeClr>
            </a:lnRef>
          </a:top>
          <a:bottom>
            <a:lnRef idx="1">
              <a:schemeClr val="accent4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E929F9F4-4A8F-4326-A1B4-22849713DDAB}" styleName="Dark Style 1 - Accent 4">
    <a:wholeTbl>
      <a:tcTxStyle>
        <a:fontRef idx="minor">
          <a:scrgbClr r="0" g="0" b="0"/>
        </a:fontRef>
        <a:schemeClr val="lt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4"/>
          </a:solidFill>
        </a:fill>
      </a:tcStyle>
    </a:wholeTbl>
    <a:band1H>
      <a:tcStyle>
        <a:tcBdr/>
        <a:fill>
          <a:solidFill>
            <a:schemeClr val="accent4">
              <a:shade val="60000"/>
            </a:schemeClr>
          </a:solidFill>
        </a:fill>
      </a:tcStyle>
    </a:band1H>
    <a:band1V>
      <a:tcStyle>
        <a:tcBdr/>
        <a:fill>
          <a:solidFill>
            <a:schemeClr val="accent4">
              <a:shade val="60000"/>
            </a:schemeClr>
          </a:solidFill>
        </a:fill>
      </a:tcStyle>
    </a:band1V>
    <a:lastCol>
      <a:tcTxStyle b="on"/>
      <a:tcStyle>
        <a:tcBdr>
          <a:left>
            <a:ln w="25400" cmpd="sng">
              <a:solidFill>
                <a:schemeClr val="lt1"/>
              </a:solidFill>
            </a:ln>
          </a:left>
        </a:tcBdr>
        <a:fill>
          <a:solidFill>
            <a:schemeClr val="accent4">
              <a:shade val="60000"/>
            </a:schemeClr>
          </a:solidFill>
        </a:fill>
      </a:tcStyle>
    </a:lastCol>
    <a:firstCol>
      <a:tcTxStyle b="on"/>
      <a:tcStyle>
        <a:tcBdr>
          <a:right>
            <a:ln w="25400" cmpd="sng">
              <a:solidFill>
                <a:schemeClr val="lt1"/>
              </a:solidFill>
            </a:ln>
          </a:right>
        </a:tcBdr>
        <a:fill>
          <a:solidFill>
            <a:schemeClr val="accent4">
              <a:shade val="60000"/>
            </a:schemeClr>
          </a:solidFill>
        </a:fill>
      </a:tcStyle>
    </a:firstCol>
    <a:lastRow>
      <a:tcTxStyle b="on"/>
      <a:tcStyle>
        <a:tcBdr>
          <a:top>
            <a:ln w="25400" cmpd="sng">
              <a:solidFill>
                <a:schemeClr val="lt1"/>
              </a:solidFill>
            </a:ln>
          </a:top>
        </a:tcBdr>
        <a:fill>
          <a:solidFill>
            <a:schemeClr val="accent4">
              <a:shade val="40000"/>
            </a:schemeClr>
          </a:solidFill>
        </a:fill>
      </a:tcStyle>
    </a:lastRow>
    <a:seCell>
      <a:tcStyle>
        <a:tcBdr>
          <a:left>
            <a:ln>
              <a:noFill/>
            </a:ln>
          </a:left>
        </a:tcBdr>
      </a:tcStyle>
    </a:seCell>
    <a:swCell>
      <a:tcStyle>
        <a:tcBdr>
          <a:right>
            <a:ln>
              <a:noFill/>
            </a:ln>
          </a:right>
        </a:tcBdr>
      </a:tcStyle>
    </a:swCell>
    <a:firstRow>
      <a:tcTxStyle b="on"/>
      <a:tcStyle>
        <a:tcBdr>
          <a:bottom>
            <a:ln w="254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  <a:neCell>
      <a:tcStyle>
        <a:tcBdr>
          <a:left>
            <a:ln>
              <a:noFill/>
            </a:ln>
          </a:left>
        </a:tcBdr>
      </a:tcStyle>
    </a:neCell>
    <a:nwCell>
      <a:tcStyle>
        <a:tcBdr>
          <a:right>
            <a:ln>
              <a:noFill/>
            </a:ln>
          </a:right>
        </a:tcBdr>
      </a:tcStyle>
    </a:nwCel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120" d="100"/>
          <a:sy n="120" d="100"/>
        </p:scale>
        <p:origin x="198" y="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36004" cy="36004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notesMaster" Target="notesMasters/notesMaster1.xml"/><Relationship Id="rId21" Type="http://schemas.openxmlformats.org/officeDocument/2006/relationships/slide" Target="slides/slide14.xml"/><Relationship Id="rId34" Type="http://schemas.openxmlformats.org/officeDocument/2006/relationships/slide" Target="slides/slide27.xml"/><Relationship Id="rId42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slide" Target="slides/slide30.xml"/><Relationship Id="rId40" Type="http://schemas.openxmlformats.org/officeDocument/2006/relationships/handoutMaster" Target="handoutMasters/handoutMaster1.xml"/><Relationship Id="rId45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slide" Target="slides/slide29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slide" Target="slides/slide28.xml"/><Relationship Id="rId43" Type="http://schemas.openxmlformats.org/officeDocument/2006/relationships/viewProps" Target="viewProps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slide" Target="slides/slide31.xml"/><Relationship Id="rId46" Type="http://schemas.microsoft.com/office/2016/11/relationships/changesInfo" Target="changesInfos/changesInfo1.xml"/><Relationship Id="rId20" Type="http://schemas.openxmlformats.org/officeDocument/2006/relationships/slide" Target="slides/slide13.xml"/><Relationship Id="rId41" Type="http://schemas.openxmlformats.org/officeDocument/2006/relationships/tags" Target="tags/tag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atias Vázquez Piñón" userId="2f86a967-3c9c-4a39-b538-7e6c0574d83d" providerId="ADAL" clId="{FCC3C0E5-AE26-4365-BAD5-9D2CFFA6F786}"/>
    <pc:docChg chg="undo custSel modSld">
      <pc:chgData name="Matias Vázquez Piñón" userId="2f86a967-3c9c-4a39-b538-7e6c0574d83d" providerId="ADAL" clId="{FCC3C0E5-AE26-4365-BAD5-9D2CFFA6F786}" dt="2022-07-11T10:01:02.347" v="233" actId="1076"/>
      <pc:docMkLst>
        <pc:docMk/>
      </pc:docMkLst>
      <pc:sldChg chg="addSp modSp mod">
        <pc:chgData name="Matias Vázquez Piñón" userId="2f86a967-3c9c-4a39-b538-7e6c0574d83d" providerId="ADAL" clId="{FCC3C0E5-AE26-4365-BAD5-9D2CFFA6F786}" dt="2022-07-11T10:01:02.347" v="233" actId="1076"/>
        <pc:sldMkLst>
          <pc:docMk/>
          <pc:sldMk cId="2322098846" sldId="264"/>
        </pc:sldMkLst>
        <pc:spChg chg="mod">
          <ac:chgData name="Matias Vázquez Piñón" userId="2f86a967-3c9c-4a39-b538-7e6c0574d83d" providerId="ADAL" clId="{FCC3C0E5-AE26-4365-BAD5-9D2CFFA6F786}" dt="2022-07-11T09:57:55.763" v="146" actId="1076"/>
          <ac:spMkLst>
            <pc:docMk/>
            <pc:sldMk cId="2322098846" sldId="264"/>
            <ac:spMk id="15" creationId="{E1E5D5A6-92DB-3150-D521-A2428A5AFD01}"/>
          </ac:spMkLst>
        </pc:spChg>
        <pc:spChg chg="add mod">
          <ac:chgData name="Matias Vázquez Piñón" userId="2f86a967-3c9c-4a39-b538-7e6c0574d83d" providerId="ADAL" clId="{FCC3C0E5-AE26-4365-BAD5-9D2CFFA6F786}" dt="2022-07-11T09:58:18.879" v="148" actId="1076"/>
          <ac:spMkLst>
            <pc:docMk/>
            <pc:sldMk cId="2322098846" sldId="264"/>
            <ac:spMk id="16" creationId="{B79FD09D-8A3B-80CD-8915-430639DF8D56}"/>
          </ac:spMkLst>
        </pc:spChg>
        <pc:graphicFrameChg chg="mod">
          <ac:chgData name="Matias Vázquez Piñón" userId="2f86a967-3c9c-4a39-b538-7e6c0574d83d" providerId="ADAL" clId="{FCC3C0E5-AE26-4365-BAD5-9D2CFFA6F786}" dt="2022-07-11T09:57:25.280" v="138" actId="20577"/>
          <ac:graphicFrameMkLst>
            <pc:docMk/>
            <pc:sldMk cId="2322098846" sldId="264"/>
            <ac:graphicFrameMk id="6" creationId="{2A29A29A-8292-9C4A-7793-FC7DCA56A7CC}"/>
          </ac:graphicFrameMkLst>
        </pc:graphicFrameChg>
        <pc:picChg chg="mod">
          <ac:chgData name="Matias Vázquez Piñón" userId="2f86a967-3c9c-4a39-b538-7e6c0574d83d" providerId="ADAL" clId="{FCC3C0E5-AE26-4365-BAD5-9D2CFFA6F786}" dt="2022-07-11T10:00:58.061" v="232" actId="1076"/>
          <ac:picMkLst>
            <pc:docMk/>
            <pc:sldMk cId="2322098846" sldId="264"/>
            <ac:picMk id="2054" creationId="{829E14B2-78A0-769A-3451-456BEBB19EAD}"/>
          </ac:picMkLst>
        </pc:picChg>
        <pc:picChg chg="mod">
          <ac:chgData name="Matias Vázquez Piñón" userId="2f86a967-3c9c-4a39-b538-7e6c0574d83d" providerId="ADAL" clId="{FCC3C0E5-AE26-4365-BAD5-9D2CFFA6F786}" dt="2022-07-11T10:01:02.347" v="233" actId="1076"/>
          <ac:picMkLst>
            <pc:docMk/>
            <pc:sldMk cId="2322098846" sldId="264"/>
            <ac:picMk id="2056" creationId="{4518DBDB-0FD6-3823-2DCD-B1F0DD492B26}"/>
          </ac:picMkLst>
        </pc:picChg>
        <pc:picChg chg="mod">
          <ac:chgData name="Matias Vázquez Piñón" userId="2f86a967-3c9c-4a39-b538-7e6c0574d83d" providerId="ADAL" clId="{FCC3C0E5-AE26-4365-BAD5-9D2CFFA6F786}" dt="2022-07-11T10:00:55" v="231" actId="1076"/>
          <ac:picMkLst>
            <pc:docMk/>
            <pc:sldMk cId="2322098846" sldId="264"/>
            <ac:picMk id="2058" creationId="{464F2211-6F5D-ADEA-0FC7-938913AAB7E0}"/>
          </ac:picMkLst>
        </pc:picChg>
      </pc:sldChg>
      <pc:sldChg chg="modSp mod">
        <pc:chgData name="Matias Vázquez Piñón" userId="2f86a967-3c9c-4a39-b538-7e6c0574d83d" providerId="ADAL" clId="{FCC3C0E5-AE26-4365-BAD5-9D2CFFA6F786}" dt="2022-07-11T10:00:30.678" v="229" actId="947"/>
        <pc:sldMkLst>
          <pc:docMk/>
          <pc:sldMk cId="500531860" sldId="265"/>
        </pc:sldMkLst>
        <pc:graphicFrameChg chg="mod ord modGraphic">
          <ac:chgData name="Matias Vázquez Piñón" userId="2f86a967-3c9c-4a39-b538-7e6c0574d83d" providerId="ADAL" clId="{FCC3C0E5-AE26-4365-BAD5-9D2CFFA6F786}" dt="2022-07-11T10:00:30.678" v="229" actId="947"/>
          <ac:graphicFrameMkLst>
            <pc:docMk/>
            <pc:sldMk cId="500531860" sldId="265"/>
            <ac:graphicFrameMk id="9" creationId="{CD3FFC81-636E-2F8B-6CFF-051A1E227E0C}"/>
          </ac:graphicFrameMkLst>
        </pc:graphicFrameChg>
      </pc:sldChg>
    </pc:docChg>
  </pc:docChgLst>
  <pc:docChgLst>
    <pc:chgData name="Matias Vázquez Piñón" userId="2f86a967-3c9c-4a39-b538-7e6c0574d83d" providerId="ADAL" clId="{B0EC83BE-3AC5-42EC-8408-8B0ACB640EA4}"/>
    <pc:docChg chg="undo custSel mod addSld delSld modSld sldOrd delMainMaster modMainMaster">
      <pc:chgData name="Matias Vázquez Piñón" userId="2f86a967-3c9c-4a39-b538-7e6c0574d83d" providerId="ADAL" clId="{B0EC83BE-3AC5-42EC-8408-8B0ACB640EA4}" dt="2022-08-13T15:56:04.524" v="17922" actId="207"/>
      <pc:docMkLst>
        <pc:docMk/>
      </pc:docMkLst>
      <pc:sldChg chg="delSp modSp mod">
        <pc:chgData name="Matias Vázquez Piñón" userId="2f86a967-3c9c-4a39-b538-7e6c0574d83d" providerId="ADAL" clId="{B0EC83BE-3AC5-42EC-8408-8B0ACB640EA4}" dt="2022-07-17T08:40:18.055" v="751" actId="478"/>
        <pc:sldMkLst>
          <pc:docMk/>
          <pc:sldMk cId="0" sldId="256"/>
        </pc:sldMkLst>
        <pc:spChg chg="del mod">
          <ac:chgData name="Matias Vázquez Piñón" userId="2f86a967-3c9c-4a39-b538-7e6c0574d83d" providerId="ADAL" clId="{B0EC83BE-3AC5-42EC-8408-8B0ACB640EA4}" dt="2022-07-17T08:40:18.055" v="751" actId="478"/>
          <ac:spMkLst>
            <pc:docMk/>
            <pc:sldMk cId="0" sldId="256"/>
            <ac:spMk id="2" creationId="{020772F9-F0FC-4258-943A-483E60A348E1}"/>
          </ac:spMkLst>
        </pc:spChg>
        <pc:spChg chg="del mod">
          <ac:chgData name="Matias Vázquez Piñón" userId="2f86a967-3c9c-4a39-b538-7e6c0574d83d" providerId="ADAL" clId="{B0EC83BE-3AC5-42EC-8408-8B0ACB640EA4}" dt="2022-07-17T08:40:18.055" v="751" actId="478"/>
          <ac:spMkLst>
            <pc:docMk/>
            <pc:sldMk cId="0" sldId="256"/>
            <ac:spMk id="3" creationId="{0013EF6E-BC23-40A0-80D4-1EBE64DCC5D9}"/>
          </ac:spMkLst>
        </pc:spChg>
      </pc:sldChg>
      <pc:sldChg chg="addSp delSp modSp mod">
        <pc:chgData name="Matias Vázquez Piñón" userId="2f86a967-3c9c-4a39-b538-7e6c0574d83d" providerId="ADAL" clId="{B0EC83BE-3AC5-42EC-8408-8B0ACB640EA4}" dt="2022-08-12T19:23:43.107" v="17916"/>
        <pc:sldMkLst>
          <pc:docMk/>
          <pc:sldMk cId="2320714135" sldId="260"/>
        </pc:sldMkLst>
        <pc:spChg chg="del">
          <ac:chgData name="Matias Vázquez Piñón" userId="2f86a967-3c9c-4a39-b538-7e6c0574d83d" providerId="ADAL" clId="{B0EC83BE-3AC5-42EC-8408-8B0ACB640EA4}" dt="2022-08-12T19:23:42.714" v="17915"/>
          <ac:spMkLst>
            <pc:docMk/>
            <pc:sldMk cId="2320714135" sldId="260"/>
            <ac:spMk id="2" creationId="{8DE12F13-9151-6901-2FA3-07D6E6DCA762}"/>
          </ac:spMkLst>
        </pc:spChg>
        <pc:spChg chg="del mod">
          <ac:chgData name="Matias Vázquez Piñón" userId="2f86a967-3c9c-4a39-b538-7e6c0574d83d" providerId="ADAL" clId="{B0EC83BE-3AC5-42EC-8408-8B0ACB640EA4}" dt="2022-07-17T08:40:15.169" v="750" actId="478"/>
          <ac:spMkLst>
            <pc:docMk/>
            <pc:sldMk cId="2320714135" sldId="260"/>
            <ac:spMk id="2" creationId="{A45995EB-10E4-4119-B468-5CD7D10A0933}"/>
          </ac:spMkLst>
        </pc:spChg>
        <pc:spChg chg="add mod">
          <ac:chgData name="Matias Vázquez Piñón" userId="2f86a967-3c9c-4a39-b538-7e6c0574d83d" providerId="ADAL" clId="{B0EC83BE-3AC5-42EC-8408-8B0ACB640EA4}" dt="2022-08-12T19:23:43.107" v="17916"/>
          <ac:spMkLst>
            <pc:docMk/>
            <pc:sldMk cId="2320714135" sldId="260"/>
            <ac:spMk id="3" creationId="{0AA221E4-1851-497D-90EE-984C7112166A}"/>
          </ac:spMkLst>
        </pc:spChg>
        <pc:spChg chg="mod">
          <ac:chgData name="Matias Vázquez Piñón" userId="2f86a967-3c9c-4a39-b538-7e6c0574d83d" providerId="ADAL" clId="{B0EC83BE-3AC5-42EC-8408-8B0ACB640EA4}" dt="2022-07-17T16:07:14.345" v="5852" actId="20577"/>
          <ac:spMkLst>
            <pc:docMk/>
            <pc:sldMk cId="2320714135" sldId="260"/>
            <ac:spMk id="4" creationId="{674358EA-4D5B-461F-997D-DE6729900DE7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2320714135" sldId="260"/>
            <ac:spMk id="5" creationId="{88CE6942-A17C-4247-86C6-41FACF7E90AC}"/>
          </ac:spMkLst>
        </pc:spChg>
      </pc:sldChg>
      <pc:sldChg chg="addSp delSp modSp del mod ord">
        <pc:chgData name="Matias Vázquez Piñón" userId="2f86a967-3c9c-4a39-b538-7e6c0574d83d" providerId="ADAL" clId="{B0EC83BE-3AC5-42EC-8408-8B0ACB640EA4}" dt="2022-08-10T17:45:57.665" v="15648" actId="47"/>
        <pc:sldMkLst>
          <pc:docMk/>
          <pc:sldMk cId="3083256170" sldId="261"/>
        </pc:sldMkLst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3083256170" sldId="261"/>
            <ac:spMk id="2" creationId="{C7B902DA-AE64-A1C7-97DB-756CAE501360}"/>
          </ac:spMkLst>
        </pc:spChg>
        <pc:spChg chg="add del mod">
          <ac:chgData name="Matias Vázquez Piñón" userId="2f86a967-3c9c-4a39-b538-7e6c0574d83d" providerId="ADAL" clId="{B0EC83BE-3AC5-42EC-8408-8B0ACB640EA4}" dt="2022-08-10T17:45:27.271" v="15638" actId="478"/>
          <ac:spMkLst>
            <pc:docMk/>
            <pc:sldMk cId="3083256170" sldId="261"/>
            <ac:spMk id="3" creationId="{9D872EE4-42B6-72B5-AC94-B053ACC76DAF}"/>
          </ac:spMkLst>
        </pc:spChg>
        <pc:spChg chg="del mod">
          <ac:chgData name="Matias Vázquez Piñón" userId="2f86a967-3c9c-4a39-b538-7e6c0574d83d" providerId="ADAL" clId="{B0EC83BE-3AC5-42EC-8408-8B0ACB640EA4}" dt="2022-08-07T15:19:30.461" v="13449"/>
          <ac:spMkLst>
            <pc:docMk/>
            <pc:sldMk cId="3083256170" sldId="261"/>
            <ac:spMk id="3" creationId="{ED369BCF-AE7C-1781-3B57-0C4D7836A85D}"/>
          </ac:spMkLst>
        </pc:spChg>
        <pc:spChg chg="del mod">
          <ac:chgData name="Matias Vázquez Piñón" userId="2f86a967-3c9c-4a39-b538-7e6c0574d83d" providerId="ADAL" clId="{B0EC83BE-3AC5-42EC-8408-8B0ACB640EA4}" dt="2022-07-17T08:40:38.432" v="757" actId="478"/>
          <ac:spMkLst>
            <pc:docMk/>
            <pc:sldMk cId="3083256170" sldId="261"/>
            <ac:spMk id="4" creationId="{77180E46-0261-F909-0FAB-9853B2CE7A10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3083256170" sldId="261"/>
            <ac:spMk id="5" creationId="{CB723C41-A8B1-93B8-9EF5-6D3FB2403197}"/>
          </ac:spMkLst>
        </pc:spChg>
        <pc:spChg chg="del mod">
          <ac:chgData name="Matias Vázquez Piñón" userId="2f86a967-3c9c-4a39-b538-7e6c0574d83d" providerId="ADAL" clId="{B0EC83BE-3AC5-42EC-8408-8B0ACB640EA4}" dt="2022-08-10T17:45:31.073" v="15640" actId="21"/>
          <ac:spMkLst>
            <pc:docMk/>
            <pc:sldMk cId="3083256170" sldId="261"/>
            <ac:spMk id="6" creationId="{68E44D63-F777-2EEC-7951-061D4BFBD49C}"/>
          </ac:spMkLst>
        </pc:spChg>
        <pc:spChg chg="del mod">
          <ac:chgData name="Matias Vázquez Piñón" userId="2f86a967-3c9c-4a39-b538-7e6c0574d83d" providerId="ADAL" clId="{B0EC83BE-3AC5-42EC-8408-8B0ACB640EA4}" dt="2022-08-10T17:45:31.073" v="15640" actId="21"/>
          <ac:spMkLst>
            <pc:docMk/>
            <pc:sldMk cId="3083256170" sldId="261"/>
            <ac:spMk id="7" creationId="{BCF0B943-A773-ACF4-2917-396417BF83D0}"/>
          </ac:spMkLst>
        </pc:spChg>
        <pc:picChg chg="add del mod">
          <ac:chgData name="Matias Vázquez Piñón" userId="2f86a967-3c9c-4a39-b538-7e6c0574d83d" providerId="ADAL" clId="{B0EC83BE-3AC5-42EC-8408-8B0ACB640EA4}" dt="2022-08-09T18:40:52.595" v="15338" actId="21"/>
          <ac:picMkLst>
            <pc:docMk/>
            <pc:sldMk cId="3083256170" sldId="261"/>
            <ac:picMk id="8" creationId="{B9156E1F-52D7-B018-16E6-86A43413F708}"/>
          </ac:picMkLst>
        </pc:picChg>
      </pc:sldChg>
      <pc:sldChg chg="delSp modSp del mod">
        <pc:chgData name="Matias Vázquez Piñón" userId="2f86a967-3c9c-4a39-b538-7e6c0574d83d" providerId="ADAL" clId="{B0EC83BE-3AC5-42EC-8408-8B0ACB640EA4}" dt="2022-08-10T17:45:55.407" v="15647" actId="47"/>
        <pc:sldMkLst>
          <pc:docMk/>
          <pc:sldMk cId="1114477602" sldId="262"/>
        </pc:sldMkLst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1114477602" sldId="262"/>
            <ac:spMk id="2" creationId="{C7B902DA-AE64-A1C7-97DB-756CAE501360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1114477602" sldId="262"/>
            <ac:spMk id="3" creationId="{ED369BCF-AE7C-1781-3B57-0C4D7836A85D}"/>
          </ac:spMkLst>
        </pc:spChg>
        <pc:spChg chg="del mod">
          <ac:chgData name="Matias Vázquez Piñón" userId="2f86a967-3c9c-4a39-b538-7e6c0574d83d" providerId="ADAL" clId="{B0EC83BE-3AC5-42EC-8408-8B0ACB640EA4}" dt="2022-07-17T08:40:40.075" v="758" actId="478"/>
          <ac:spMkLst>
            <pc:docMk/>
            <pc:sldMk cId="1114477602" sldId="262"/>
            <ac:spMk id="4" creationId="{77180E46-0261-F909-0FAB-9853B2CE7A10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1114477602" sldId="262"/>
            <ac:spMk id="5" creationId="{CB723C41-A8B1-93B8-9EF5-6D3FB2403197}"/>
          </ac:spMkLst>
        </pc:spChg>
        <pc:spChg chg="mod">
          <ac:chgData name="Matias Vázquez Piñón" userId="2f86a967-3c9c-4a39-b538-7e6c0574d83d" providerId="ADAL" clId="{B0EC83BE-3AC5-42EC-8408-8B0ACB640EA4}" dt="2022-08-10T17:45:04.738" v="15635" actId="1076"/>
          <ac:spMkLst>
            <pc:docMk/>
            <pc:sldMk cId="1114477602" sldId="262"/>
            <ac:spMk id="8" creationId="{157AB283-A8EA-2772-853C-2554084DCDCC}"/>
          </ac:spMkLst>
        </pc:spChg>
      </pc:sldChg>
      <pc:sldChg chg="delSp modSp mod">
        <pc:chgData name="Matias Vázquez Piñón" userId="2f86a967-3c9c-4a39-b538-7e6c0574d83d" providerId="ADAL" clId="{B0EC83BE-3AC5-42EC-8408-8B0ACB640EA4}" dt="2022-07-17T08:40:31.694" v="755" actId="478"/>
        <pc:sldMkLst>
          <pc:docMk/>
          <pc:sldMk cId="3267376188" sldId="263"/>
        </pc:sldMkLst>
        <pc:spChg chg="del mod">
          <ac:chgData name="Matias Vázquez Piñón" userId="2f86a967-3c9c-4a39-b538-7e6c0574d83d" providerId="ADAL" clId="{B0EC83BE-3AC5-42EC-8408-8B0ACB640EA4}" dt="2022-07-17T08:40:31.694" v="755" actId="478"/>
          <ac:spMkLst>
            <pc:docMk/>
            <pc:sldMk cId="3267376188" sldId="263"/>
            <ac:spMk id="2" creationId="{0F71D28E-FB7E-32D4-0FF6-402F868A5599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3267376188" sldId="263"/>
            <ac:spMk id="3" creationId="{27E29A40-315D-08AF-F5B0-2DD75F8AD89A}"/>
          </ac:spMkLst>
        </pc:spChg>
      </pc:sldChg>
      <pc:sldChg chg="addSp delSp modSp del mod">
        <pc:chgData name="Matias Vázquez Piñón" userId="2f86a967-3c9c-4a39-b538-7e6c0574d83d" providerId="ADAL" clId="{B0EC83BE-3AC5-42EC-8408-8B0ACB640EA4}" dt="2022-07-27T21:09:11.054" v="8685" actId="47"/>
        <pc:sldMkLst>
          <pc:docMk/>
          <pc:sldMk cId="1541602872" sldId="264"/>
        </pc:sldMkLst>
        <pc:spChg chg="mod">
          <ac:chgData name="Matias Vázquez Piñón" userId="2f86a967-3c9c-4a39-b538-7e6c0574d83d" providerId="ADAL" clId="{B0EC83BE-3AC5-42EC-8408-8B0ACB640EA4}" dt="2022-07-27T20:37:37.446" v="7996" actId="1076"/>
          <ac:spMkLst>
            <pc:docMk/>
            <pc:sldMk cId="1541602872" sldId="264"/>
            <ac:spMk id="2" creationId="{936939C2-7758-7AB4-6EF1-8EE461804388}"/>
          </ac:spMkLst>
        </pc:spChg>
        <pc:spChg chg="add del mod">
          <ac:chgData name="Matias Vázquez Piñón" userId="2f86a967-3c9c-4a39-b538-7e6c0574d83d" providerId="ADAL" clId="{B0EC83BE-3AC5-42EC-8408-8B0ACB640EA4}" dt="2022-07-27T20:58:47.880" v="8330" actId="20577"/>
          <ac:spMkLst>
            <pc:docMk/>
            <pc:sldMk cId="1541602872" sldId="264"/>
            <ac:spMk id="3" creationId="{ECC8BA5C-A622-73E6-ABDE-1ED766A2A7BA}"/>
          </ac:spMkLst>
        </pc:spChg>
        <pc:spChg chg="add del mod">
          <ac:chgData name="Matias Vázquez Piñón" userId="2f86a967-3c9c-4a39-b538-7e6c0574d83d" providerId="ADAL" clId="{B0EC83BE-3AC5-42EC-8408-8B0ACB640EA4}" dt="2022-07-27T20:37:03.203" v="7992" actId="21"/>
          <ac:spMkLst>
            <pc:docMk/>
            <pc:sldMk cId="1541602872" sldId="264"/>
            <ac:spMk id="4" creationId="{39370FCB-D228-0246-CF19-7CAA9EBC1D34}"/>
          </ac:spMkLst>
        </pc:spChg>
        <pc:spChg chg="del mod">
          <ac:chgData name="Matias Vázquez Piñón" userId="2f86a967-3c9c-4a39-b538-7e6c0574d83d" providerId="ADAL" clId="{B0EC83BE-3AC5-42EC-8408-8B0ACB640EA4}" dt="2022-07-17T08:40:25.539" v="752" actId="478"/>
          <ac:spMkLst>
            <pc:docMk/>
            <pc:sldMk cId="1541602872" sldId="264"/>
            <ac:spMk id="4" creationId="{F2E051DA-D1FA-75F3-8794-2DA84CD57AD8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1541602872" sldId="264"/>
            <ac:spMk id="5" creationId="{37894CAF-F8D5-7674-FE24-53500D461F4E}"/>
          </ac:spMkLst>
        </pc:spChg>
        <pc:spChg chg="add del mod">
          <ac:chgData name="Matias Vázquez Piñón" userId="2f86a967-3c9c-4a39-b538-7e6c0574d83d" providerId="ADAL" clId="{B0EC83BE-3AC5-42EC-8408-8B0ACB640EA4}" dt="2022-07-27T20:36:39.187" v="7981"/>
          <ac:spMkLst>
            <pc:docMk/>
            <pc:sldMk cId="1541602872" sldId="264"/>
            <ac:spMk id="7" creationId="{D141CE76-B2D1-A633-0822-895D53F67129}"/>
          </ac:spMkLst>
        </pc:spChg>
        <pc:spChg chg="add del mod">
          <ac:chgData name="Matias Vázquez Piñón" userId="2f86a967-3c9c-4a39-b538-7e6c0574d83d" providerId="ADAL" clId="{B0EC83BE-3AC5-42EC-8408-8B0ACB640EA4}" dt="2022-07-27T20:36:43.851" v="7983"/>
          <ac:spMkLst>
            <pc:docMk/>
            <pc:sldMk cId="1541602872" sldId="264"/>
            <ac:spMk id="8" creationId="{9C08A1AD-3678-1465-1F82-EC9996D81F44}"/>
          </ac:spMkLst>
        </pc:spChg>
        <pc:spChg chg="add del mod">
          <ac:chgData name="Matias Vázquez Piñón" userId="2f86a967-3c9c-4a39-b538-7e6c0574d83d" providerId="ADAL" clId="{B0EC83BE-3AC5-42EC-8408-8B0ACB640EA4}" dt="2022-07-27T20:36:47.164" v="7985"/>
          <ac:spMkLst>
            <pc:docMk/>
            <pc:sldMk cId="1541602872" sldId="264"/>
            <ac:spMk id="9" creationId="{C63C401E-2F3D-92A9-D312-F4232C70147D}"/>
          </ac:spMkLst>
        </pc:spChg>
        <pc:spChg chg="add del mod">
          <ac:chgData name="Matias Vázquez Piñón" userId="2f86a967-3c9c-4a39-b538-7e6c0574d83d" providerId="ADAL" clId="{B0EC83BE-3AC5-42EC-8408-8B0ACB640EA4}" dt="2022-07-27T20:37:00.056" v="7990"/>
          <ac:spMkLst>
            <pc:docMk/>
            <pc:sldMk cId="1541602872" sldId="264"/>
            <ac:spMk id="10" creationId="{DD3A7114-2FB0-E302-08F1-347CC2CF2089}"/>
          </ac:spMkLst>
        </pc:spChg>
        <pc:graphicFrameChg chg="add del mod modGraphic">
          <ac:chgData name="Matias Vázquez Piñón" userId="2f86a967-3c9c-4a39-b538-7e6c0574d83d" providerId="ADAL" clId="{B0EC83BE-3AC5-42EC-8408-8B0ACB640EA4}" dt="2022-07-27T20:37:02.327" v="7991" actId="1032"/>
          <ac:graphicFrameMkLst>
            <pc:docMk/>
            <pc:sldMk cId="1541602872" sldId="264"/>
            <ac:graphicFrameMk id="6" creationId="{90EE87FA-81EB-2D7A-9D7A-D4767C1C6144}"/>
          </ac:graphicFrameMkLst>
        </pc:graphicFrameChg>
        <pc:graphicFrameChg chg="add del mod modGraphic">
          <ac:chgData name="Matias Vázquez Piñón" userId="2f86a967-3c9c-4a39-b538-7e6c0574d83d" providerId="ADAL" clId="{B0EC83BE-3AC5-42EC-8408-8B0ACB640EA4}" dt="2022-07-27T20:39:10.639" v="8011" actId="1032"/>
          <ac:graphicFrameMkLst>
            <pc:docMk/>
            <pc:sldMk cId="1541602872" sldId="264"/>
            <ac:graphicFrameMk id="11" creationId="{EC484A4D-0185-0A98-CE9D-FE9FB7DB6BED}"/>
          </ac:graphicFrameMkLst>
        </pc:graphicFrameChg>
      </pc:sldChg>
      <pc:sldChg chg="addSp delSp modSp del mod addAnim delAnim">
        <pc:chgData name="Matias Vázquez Piñón" userId="2f86a967-3c9c-4a39-b538-7e6c0574d83d" providerId="ADAL" clId="{B0EC83BE-3AC5-42EC-8408-8B0ACB640EA4}" dt="2022-07-27T20:57:51.969" v="8315" actId="47"/>
        <pc:sldMkLst>
          <pc:docMk/>
          <pc:sldMk cId="1866930102" sldId="512"/>
        </pc:sldMkLst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1866930102" sldId="512"/>
            <ac:spMk id="4" creationId="{2155DFD8-CEDC-42A2-AEF0-BF7453336DCC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1866930102" sldId="512"/>
            <ac:spMk id="25" creationId="{3DD58525-8360-F6A4-2A5C-EEF888029743}"/>
          </ac:spMkLst>
        </pc:spChg>
        <pc:picChg chg="add del mod">
          <ac:chgData name="Matias Vázquez Piñón" userId="2f86a967-3c9c-4a39-b538-7e6c0574d83d" providerId="ADAL" clId="{B0EC83BE-3AC5-42EC-8408-8B0ACB640EA4}" dt="2022-07-27T20:46:06.329" v="8218" actId="1076"/>
          <ac:picMkLst>
            <pc:docMk/>
            <pc:sldMk cId="1866930102" sldId="512"/>
            <ac:picMk id="9" creationId="{25AECB00-A56F-4B06-842D-CC5E0455A3FC}"/>
          </ac:picMkLst>
        </pc:picChg>
      </pc:sldChg>
      <pc:sldChg chg="delSp modSp del mod">
        <pc:chgData name="Matias Vázquez Piñón" userId="2f86a967-3c9c-4a39-b538-7e6c0574d83d" providerId="ADAL" clId="{B0EC83BE-3AC5-42EC-8408-8B0ACB640EA4}" dt="2022-07-27T21:27:49.603" v="9013" actId="47"/>
        <pc:sldMkLst>
          <pc:docMk/>
          <pc:sldMk cId="1666785065" sldId="513"/>
        </pc:sldMkLst>
        <pc:spChg chg="del mod">
          <ac:chgData name="Matias Vázquez Piñón" userId="2f86a967-3c9c-4a39-b538-7e6c0574d83d" providerId="ADAL" clId="{B0EC83BE-3AC5-42EC-8408-8B0ACB640EA4}" dt="2022-07-17T08:40:33.577" v="756" actId="478"/>
          <ac:spMkLst>
            <pc:docMk/>
            <pc:sldMk cId="1666785065" sldId="513"/>
            <ac:spMk id="2" creationId="{0F71D28E-FB7E-32D4-0FF6-402F868A5599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1666785065" sldId="513"/>
            <ac:spMk id="3" creationId="{27E29A40-315D-08AF-F5B0-2DD75F8AD89A}"/>
          </ac:spMkLst>
        </pc:spChg>
      </pc:sldChg>
      <pc:sldChg chg="addSp delSp modSp mod modClrScheme modAnim chgLayout">
        <pc:chgData name="Matias Vázquez Piñón" userId="2f86a967-3c9c-4a39-b538-7e6c0574d83d" providerId="ADAL" clId="{B0EC83BE-3AC5-42EC-8408-8B0ACB640EA4}" dt="2022-08-12T19:23:43.107" v="17916"/>
        <pc:sldMkLst>
          <pc:docMk/>
          <pc:sldMk cId="771991772" sldId="514"/>
        </pc:sldMkLst>
        <pc:spChg chg="mod ord">
          <ac:chgData name="Matias Vázquez Piñón" userId="2f86a967-3c9c-4a39-b538-7e6c0574d83d" providerId="ADAL" clId="{B0EC83BE-3AC5-42EC-8408-8B0ACB640EA4}" dt="2022-08-11T17:51:24.298" v="15813" actId="700"/>
          <ac:spMkLst>
            <pc:docMk/>
            <pc:sldMk cId="771991772" sldId="514"/>
            <ac:spMk id="2" creationId="{B2AD7608-0A04-4E52-AD9D-A34B2B8108B6}"/>
          </ac:spMkLst>
        </pc:spChg>
        <pc:spChg chg="del">
          <ac:chgData name="Matias Vázquez Piñón" userId="2f86a967-3c9c-4a39-b538-7e6c0574d83d" providerId="ADAL" clId="{B0EC83BE-3AC5-42EC-8408-8B0ACB640EA4}" dt="2022-08-12T19:23:43.107" v="17916"/>
          <ac:spMkLst>
            <pc:docMk/>
            <pc:sldMk cId="771991772" sldId="514"/>
            <ac:spMk id="3" creationId="{06487460-189A-589E-E156-CBD33301EDDE}"/>
          </ac:spMkLst>
        </pc:spChg>
        <pc:spChg chg="mo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4" creationId="{B4363B3F-8A80-44F0-9D8B-A36E3225613C}"/>
          </ac:spMkLst>
        </pc:spChg>
        <pc:spChg chg="mod or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5" creationId="{FC496DA7-ADF7-4435-9912-3AEE6B3832EA}"/>
          </ac:spMkLst>
        </pc:spChg>
        <pc:spChg chg="mod or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6" creationId="{5BC15882-B877-4E3E-AAB7-CAB53DCAE363}"/>
          </ac:spMkLst>
        </pc:spChg>
        <pc:spChg chg="mod or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7" creationId="{39344D49-0509-415D-9F0A-953E28629928}"/>
          </ac:spMkLst>
        </pc:spChg>
        <pc:spChg chg="mo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8" creationId="{5A94F79F-200A-4B57-B4E8-2FA6092A1E13}"/>
          </ac:spMkLst>
        </pc:spChg>
        <pc:spChg chg="mod or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9" creationId="{7D344715-9D10-4FD2-AA69-AE15473B634B}"/>
          </ac:spMkLst>
        </pc:spChg>
        <pc:spChg chg="mo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10" creationId="{D5E9AEEB-5270-4CF2-9118-ECD3CC666521}"/>
          </ac:spMkLst>
        </pc:spChg>
        <pc:spChg chg="mod or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11" creationId="{7163ED74-6C4D-4189-BB50-2B2857831A9D}"/>
          </ac:spMkLst>
        </pc:spChg>
        <pc:spChg chg="add mod">
          <ac:chgData name="Matias Vázquez Piñón" userId="2f86a967-3c9c-4a39-b538-7e6c0574d83d" providerId="ADAL" clId="{B0EC83BE-3AC5-42EC-8408-8B0ACB640EA4}" dt="2022-08-10T16:59:45.144" v="15540" actId="571"/>
          <ac:spMkLst>
            <pc:docMk/>
            <pc:sldMk cId="771991772" sldId="514"/>
            <ac:spMk id="12" creationId="{C3497292-55B6-5154-5294-69E2EFFCAD6D}"/>
          </ac:spMkLst>
        </pc:spChg>
        <pc:spChg chg="mod or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13" creationId="{A15D175A-7A43-4616-9686-8912FF054B26}"/>
          </ac:spMkLst>
        </pc:spChg>
        <pc:spChg chg="mod or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14" creationId="{D2FBA79E-BC34-4673-8979-546D539FE6F1}"/>
          </ac:spMkLst>
        </pc:spChg>
        <pc:spChg chg="mod or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15" creationId="{21EE81C1-9AF4-4B20-A0EA-C8E516B21F35}"/>
          </ac:spMkLst>
        </pc:spChg>
        <pc:spChg chg="mod or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16" creationId="{D5434142-2FFA-48AA-9CD3-F2B33002C0FA}"/>
          </ac:spMkLst>
        </pc:spChg>
        <pc:spChg chg="mo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17" creationId="{A344FEAF-1539-4CAF-B81F-FBE8B3A8E726}"/>
          </ac:spMkLst>
        </pc:spChg>
        <pc:spChg chg="mo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18" creationId="{60C64F4E-33D8-499B-B89C-FCA96E8FF2DC}"/>
          </ac:spMkLst>
        </pc:spChg>
        <pc:spChg chg="add mod">
          <ac:chgData name="Matias Vázquez Piñón" userId="2f86a967-3c9c-4a39-b538-7e6c0574d83d" providerId="ADAL" clId="{B0EC83BE-3AC5-42EC-8408-8B0ACB640EA4}" dt="2022-08-10T16:59:45.144" v="15540" actId="571"/>
          <ac:spMkLst>
            <pc:docMk/>
            <pc:sldMk cId="771991772" sldId="514"/>
            <ac:spMk id="19" creationId="{D6AC26A4-2759-E0FB-9412-DBD30C26E138}"/>
          </ac:spMkLst>
        </pc:spChg>
        <pc:spChg chg="mo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20" creationId="{DF80D990-9CB1-425F-9495-4DA090E187BA}"/>
          </ac:spMkLst>
        </pc:spChg>
        <pc:spChg chg="mod or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21" creationId="{72438401-82F4-46CD-B1FE-D28294F2B39A}"/>
          </ac:spMkLst>
        </pc:spChg>
        <pc:spChg chg="add mod">
          <ac:chgData name="Matias Vázquez Piñón" userId="2f86a967-3c9c-4a39-b538-7e6c0574d83d" providerId="ADAL" clId="{B0EC83BE-3AC5-42EC-8408-8B0ACB640EA4}" dt="2022-08-10T17:56:33.467" v="15688" actId="571"/>
          <ac:spMkLst>
            <pc:docMk/>
            <pc:sldMk cId="771991772" sldId="514"/>
            <ac:spMk id="24" creationId="{182225B1-FDFF-A95F-6F82-2448993881D8}"/>
          </ac:spMkLst>
        </pc:spChg>
        <pc:spChg chg="add mod">
          <ac:chgData name="Matias Vázquez Piñón" userId="2f86a967-3c9c-4a39-b538-7e6c0574d83d" providerId="ADAL" clId="{B0EC83BE-3AC5-42EC-8408-8B0ACB640EA4}" dt="2022-08-10T17:56:33.467" v="15688" actId="571"/>
          <ac:spMkLst>
            <pc:docMk/>
            <pc:sldMk cId="771991772" sldId="514"/>
            <ac:spMk id="28" creationId="{802CB3B6-59FB-AA1A-D8BA-880BB217885C}"/>
          </ac:spMkLst>
        </pc:spChg>
        <pc:spChg chg="mo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33" creationId="{1E70BD3E-65FE-479A-AF70-B2EF0B9AC9CD}"/>
          </ac:spMkLst>
        </pc:spChg>
        <pc:spChg chg="mo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35" creationId="{4AEAB7A7-97F7-4A17-9FCD-4A5F5B6295DA}"/>
          </ac:spMkLst>
        </pc:spChg>
        <pc:spChg chg="mo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36" creationId="{F0637149-9473-469F-BB27-A89E1F4CF25A}"/>
          </ac:spMkLst>
        </pc:spChg>
        <pc:spChg chg="mod ord topLvl">
          <ac:chgData name="Matias Vázquez Piñón" userId="2f86a967-3c9c-4a39-b538-7e6c0574d83d" providerId="ADAL" clId="{B0EC83BE-3AC5-42EC-8408-8B0ACB640EA4}" dt="2022-08-11T17:52:49.975" v="15834" actId="164"/>
          <ac:spMkLst>
            <pc:docMk/>
            <pc:sldMk cId="771991772" sldId="514"/>
            <ac:spMk id="40" creationId="{66BC6D81-A0CD-422C-B07F-62F5E443EBA5}"/>
          </ac:spMkLst>
        </pc:spChg>
        <pc:spChg chg="add del mod">
          <ac:chgData name="Matias Vázquez Piñón" userId="2f86a967-3c9c-4a39-b538-7e6c0574d83d" providerId="ADAL" clId="{B0EC83BE-3AC5-42EC-8408-8B0ACB640EA4}" dt="2022-08-11T17:51:20.274" v="15812" actId="478"/>
          <ac:spMkLst>
            <pc:docMk/>
            <pc:sldMk cId="771991772" sldId="514"/>
            <ac:spMk id="43" creationId="{4EAB35B6-0877-F747-2936-B07640EE1B50}"/>
          </ac:spMkLst>
        </pc:spChg>
        <pc:spChg chg="add del mod ord">
          <ac:chgData name="Matias Vázquez Piñón" userId="2f86a967-3c9c-4a39-b538-7e6c0574d83d" providerId="ADAL" clId="{B0EC83BE-3AC5-42EC-8408-8B0ACB640EA4}" dt="2022-08-11T17:53:22.395" v="15843" actId="478"/>
          <ac:spMkLst>
            <pc:docMk/>
            <pc:sldMk cId="771991772" sldId="514"/>
            <ac:spMk id="44" creationId="{076D97C1-BE57-9D60-FEC9-BD041346F49A}"/>
          </ac:spMkLst>
        </pc:spChg>
        <pc:spChg chg="add mod ord">
          <ac:chgData name="Matias Vázquez Piñón" userId="2f86a967-3c9c-4a39-b538-7e6c0574d83d" providerId="ADAL" clId="{B0EC83BE-3AC5-42EC-8408-8B0ACB640EA4}" dt="2022-08-11T18:11:53.760" v="16167" actId="20577"/>
          <ac:spMkLst>
            <pc:docMk/>
            <pc:sldMk cId="771991772" sldId="514"/>
            <ac:spMk id="46" creationId="{68EC3145-7562-B817-B491-677D9A8284E3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49" creationId="{5A6C3ED7-DE93-61E0-4A68-23BB1A51B6D0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50" creationId="{2FD845EB-821A-FB5C-19DF-1A9BEB1E1BDF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51" creationId="{26084843-8C8E-208A-5B90-9E7BA7898565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52" creationId="{4987D310-9BCC-3071-9EE2-22A4A879F6D1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53" creationId="{E40B3A70-9212-9F2D-84F0-C9E000787F77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54" creationId="{324799F2-1B87-61F1-D2B2-34E29449E8D5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55" creationId="{A3057559-2DD0-6A0A-02F6-C86C2C497C21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56" creationId="{9CE71CA0-3893-32F8-1557-0BBC0DCF617D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57" creationId="{6FF562BD-609D-306C-7BD8-0D389EDE65E7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58" creationId="{B0686D5D-0EDB-A567-C6EC-154BE4DC8B1E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59" creationId="{74C5A380-2A9C-07EC-136B-1A410118D6F2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60" creationId="{301B76EF-2CD9-6485-BDC1-E753922B3816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61" creationId="{75DD15EB-5775-9928-D2E6-F0CCB9F1ADD3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62" creationId="{56062E2A-60AB-A31C-E9FE-5DEE83AA6908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67" creationId="{4F3C36B5-691E-049B-B221-F221829A1CDA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69" creationId="{61F3F6D0-47AA-A00D-CD92-A6310920C67C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70" creationId="{359AD70D-BFC8-3617-13D5-AAB38C387AC0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71" creationId="{8FB6E78E-D8F3-6731-72D7-65158150D99D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72" creationId="{41784579-9043-19F7-FFAD-B65637A4B2D6}"/>
          </ac:spMkLst>
        </pc:spChg>
        <pc:spChg chg="mod">
          <ac:chgData name="Matias Vázquez Piñón" userId="2f86a967-3c9c-4a39-b538-7e6c0574d83d" providerId="ADAL" clId="{B0EC83BE-3AC5-42EC-8408-8B0ACB640EA4}" dt="2022-08-11T17:52:52.700" v="15836"/>
          <ac:spMkLst>
            <pc:docMk/>
            <pc:sldMk cId="771991772" sldId="514"/>
            <ac:spMk id="73" creationId="{7FD61D63-4A93-F647-4279-D4537313C9F4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75" creationId="{8AB8724A-826E-D2F1-9783-BEB541D91A96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76" creationId="{51400797-2FA8-C039-6FBB-80740D5BDBA6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77" creationId="{AE9747CE-8983-FB2A-D80D-8E2E7D4B7E36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78" creationId="{FED0FD32-D351-E706-DB19-F8C241AC4345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79" creationId="{70934685-7B1E-02CB-F508-BDAEE6AD6BC2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80" creationId="{CA82BC9F-0464-CECF-028F-E1210076EF4B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81" creationId="{4D2CCC37-C739-8B26-4016-174DD6480BA2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82" creationId="{E4E58412-CCF0-5879-02B0-1127E1E40A0B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83" creationId="{68B015A9-0343-727A-0680-A8AB2023A68E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84" creationId="{7FD2067E-D726-E741-2C4A-CEA52AD34444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85" creationId="{1E60D843-9CAF-A8D5-089F-AACF04057A53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86" creationId="{8257DD9E-66B5-165E-2AFE-361B68ACB0FC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87" creationId="{40A8A242-7500-4751-D7E8-ECDF9A2E8F59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88" creationId="{BCEF6B1A-4038-154A-EDEB-3206D9ABF16C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93" creationId="{DCF509A3-C3CD-7E8A-D9C8-E94349A496D3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95" creationId="{1B8D6695-D592-C30D-1986-B4687D38E3E4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96" creationId="{5EC9A405-8B85-7C2D-1686-CD7DF590AA5C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97" creationId="{E098693E-D941-BCCF-6391-5908A553E879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98" creationId="{969965A2-8EE6-E3D1-871B-44170D7976C8}"/>
          </ac:spMkLst>
        </pc:spChg>
        <pc:spChg chg="mod">
          <ac:chgData name="Matias Vázquez Piñón" userId="2f86a967-3c9c-4a39-b538-7e6c0574d83d" providerId="ADAL" clId="{B0EC83BE-3AC5-42EC-8408-8B0ACB640EA4}" dt="2022-08-11T17:52:55.817" v="15838"/>
          <ac:spMkLst>
            <pc:docMk/>
            <pc:sldMk cId="771991772" sldId="514"/>
            <ac:spMk id="99" creationId="{449906E9-0E56-BB64-3B13-5DB5896B95B0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02" creationId="{94C6A5DA-F5CB-5FB4-C512-67C7EE56E3CC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03" creationId="{7B37434C-852E-078C-30E6-718314AA6B6F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04" creationId="{C01C9BAC-7399-66BE-2F0B-6188CA180017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05" creationId="{5549733F-2949-F1CD-B03C-1FB8B6174787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06" creationId="{268A156A-CF67-BC5A-D0A7-62DD7266921E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07" creationId="{8F1B3F40-73FD-0E77-82AC-C2F43C62CCDB}"/>
          </ac:spMkLst>
        </pc:spChg>
        <pc:spChg chg="mod">
          <ac:chgData name="Matias Vázquez Piñón" userId="2f86a967-3c9c-4a39-b538-7e6c0574d83d" providerId="ADAL" clId="{B0EC83BE-3AC5-42EC-8408-8B0ACB640EA4}" dt="2022-08-12T16:02:50.474" v="16413" actId="208"/>
          <ac:spMkLst>
            <pc:docMk/>
            <pc:sldMk cId="771991772" sldId="514"/>
            <ac:spMk id="108" creationId="{9C826393-2D42-EC25-B626-9F4AB3F11E03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09" creationId="{F7117AC1-16AD-5587-BF00-643FBF9CE7D5}"/>
          </ac:spMkLst>
        </pc:spChg>
        <pc:spChg chg="mod">
          <ac:chgData name="Matias Vázquez Piñón" userId="2f86a967-3c9c-4a39-b538-7e6c0574d83d" providerId="ADAL" clId="{B0EC83BE-3AC5-42EC-8408-8B0ACB640EA4}" dt="2022-08-12T16:06:05.316" v="16430" actId="207"/>
          <ac:spMkLst>
            <pc:docMk/>
            <pc:sldMk cId="771991772" sldId="514"/>
            <ac:spMk id="110" creationId="{73CF37F2-06F0-0F3F-52ED-D0E08E200DC9}"/>
          </ac:spMkLst>
        </pc:spChg>
        <pc:spChg chg="mod">
          <ac:chgData name="Matias Vázquez Piñón" userId="2f86a967-3c9c-4a39-b538-7e6c0574d83d" providerId="ADAL" clId="{B0EC83BE-3AC5-42EC-8408-8B0ACB640EA4}" dt="2022-08-12T16:06:05.316" v="16430" actId="207"/>
          <ac:spMkLst>
            <pc:docMk/>
            <pc:sldMk cId="771991772" sldId="514"/>
            <ac:spMk id="111" creationId="{FF018DDF-F81F-F7E6-B50C-BEDF3DF9B994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12" creationId="{A76C2BD4-2169-20F2-EBA4-08171DADEC07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13" creationId="{602CBCF8-B249-3201-464B-D562BF91D546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14" creationId="{57437905-1317-4BCA-EE1D-8149D1B7C418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15" creationId="{7B1B44BA-1E99-4D80-EE4C-681C2566BB8A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20" creationId="{B22BE47A-2843-2B32-13C8-9C810466A4FA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22" creationId="{7AD54DA5-5803-4E15-7745-DF321DBBE3E1}"/>
          </ac:spMkLst>
        </pc:spChg>
        <pc:spChg chg="mod">
          <ac:chgData name="Matias Vázquez Piñón" userId="2f86a967-3c9c-4a39-b538-7e6c0574d83d" providerId="ADAL" clId="{B0EC83BE-3AC5-42EC-8408-8B0ACB640EA4}" dt="2022-08-11T17:53:18.478" v="15842"/>
          <ac:spMkLst>
            <pc:docMk/>
            <pc:sldMk cId="771991772" sldId="514"/>
            <ac:spMk id="123" creationId="{509F2CDB-DAC2-971E-166C-88BACBC12DD4}"/>
          </ac:spMkLst>
        </pc:spChg>
        <pc:spChg chg="mod">
          <ac:chgData name="Matias Vázquez Piñón" userId="2f86a967-3c9c-4a39-b538-7e6c0574d83d" providerId="ADAL" clId="{B0EC83BE-3AC5-42EC-8408-8B0ACB640EA4}" dt="2022-08-12T16:06:05.316" v="16430" actId="207"/>
          <ac:spMkLst>
            <pc:docMk/>
            <pc:sldMk cId="771991772" sldId="514"/>
            <ac:spMk id="124" creationId="{E4D41209-8EF6-9977-A353-2B952C673482}"/>
          </ac:spMkLst>
        </pc:spChg>
        <pc:spChg chg="mod">
          <ac:chgData name="Matias Vázquez Piñón" userId="2f86a967-3c9c-4a39-b538-7e6c0574d83d" providerId="ADAL" clId="{B0EC83BE-3AC5-42EC-8408-8B0ACB640EA4}" dt="2022-08-12T16:06:05.316" v="16430" actId="207"/>
          <ac:spMkLst>
            <pc:docMk/>
            <pc:sldMk cId="771991772" sldId="514"/>
            <ac:spMk id="125" creationId="{B25F3E5E-C850-66EA-EF01-D93AF04AF666}"/>
          </ac:spMkLst>
        </pc:spChg>
        <pc:spChg chg="mod">
          <ac:chgData name="Matias Vázquez Piñón" userId="2f86a967-3c9c-4a39-b538-7e6c0574d83d" providerId="ADAL" clId="{B0EC83BE-3AC5-42EC-8408-8B0ACB640EA4}" dt="2022-08-12T16:06:05.316" v="16430" actId="207"/>
          <ac:spMkLst>
            <pc:docMk/>
            <pc:sldMk cId="771991772" sldId="514"/>
            <ac:spMk id="126" creationId="{A76B4F4E-21AD-28CC-84BA-6EFE6F2D075A}"/>
          </ac:spMkLst>
        </pc:spChg>
        <pc:grpChg chg="add del mod">
          <ac:chgData name="Matias Vázquez Piñón" userId="2f86a967-3c9c-4a39-b538-7e6c0574d83d" providerId="ADAL" clId="{B0EC83BE-3AC5-42EC-8408-8B0ACB640EA4}" dt="2022-08-11T17:42:24.720" v="15794" actId="165"/>
          <ac:grpSpMkLst>
            <pc:docMk/>
            <pc:sldMk cId="771991772" sldId="514"/>
            <ac:grpSpMk id="41" creationId="{E6210D39-4E9C-3C43-93F1-785CC8EA4731}"/>
          </ac:grpSpMkLst>
        </pc:grpChg>
        <pc:grpChg chg="add del mod">
          <ac:chgData name="Matias Vázquez Piñón" userId="2f86a967-3c9c-4a39-b538-7e6c0574d83d" providerId="ADAL" clId="{B0EC83BE-3AC5-42EC-8408-8B0ACB640EA4}" dt="2022-08-11T17:52:51.182" v="15835" actId="21"/>
          <ac:grpSpMkLst>
            <pc:docMk/>
            <pc:sldMk cId="771991772" sldId="514"/>
            <ac:grpSpMk id="47" creationId="{DF9B1EE3-FDE8-4B9D-9674-5282629149E7}"/>
          </ac:grpSpMkLst>
        </pc:grpChg>
        <pc:grpChg chg="add del mod">
          <ac:chgData name="Matias Vázquez Piñón" userId="2f86a967-3c9c-4a39-b538-7e6c0574d83d" providerId="ADAL" clId="{B0EC83BE-3AC5-42EC-8408-8B0ACB640EA4}" dt="2022-08-11T17:52:54.404" v="15837"/>
          <ac:grpSpMkLst>
            <pc:docMk/>
            <pc:sldMk cId="771991772" sldId="514"/>
            <ac:grpSpMk id="48" creationId="{F190817E-9ABB-D25B-CB97-F4DA6F91B7DD}"/>
          </ac:grpSpMkLst>
        </pc:grpChg>
        <pc:grpChg chg="add del mod">
          <ac:chgData name="Matias Vázquez Piñón" userId="2f86a967-3c9c-4a39-b538-7e6c0574d83d" providerId="ADAL" clId="{B0EC83BE-3AC5-42EC-8408-8B0ACB640EA4}" dt="2022-08-11T17:52:59.807" v="15839" actId="21"/>
          <ac:grpSpMkLst>
            <pc:docMk/>
            <pc:sldMk cId="771991772" sldId="514"/>
            <ac:grpSpMk id="74" creationId="{D3B24A5E-994E-EE8F-B011-F39D4551549A}"/>
          </ac:grpSpMkLst>
        </pc:grpChg>
        <pc:grpChg chg="add mod">
          <ac:chgData name="Matias Vázquez Piñón" userId="2f86a967-3c9c-4a39-b538-7e6c0574d83d" providerId="ADAL" clId="{B0EC83BE-3AC5-42EC-8408-8B0ACB640EA4}" dt="2022-08-11T17:56:19.885" v="15942" actId="1076"/>
          <ac:grpSpMkLst>
            <pc:docMk/>
            <pc:sldMk cId="771991772" sldId="514"/>
            <ac:grpSpMk id="101" creationId="{973E7840-2615-D90D-774D-202AAE125BCB}"/>
          </ac:grpSpMkLst>
        </pc:grpChg>
        <pc:picChg chg="del">
          <ac:chgData name="Matias Vázquez Piñón" userId="2f86a967-3c9c-4a39-b538-7e6c0574d83d" providerId="ADAL" clId="{B0EC83BE-3AC5-42EC-8408-8B0ACB640EA4}" dt="2022-08-11T17:41:53.202" v="15789" actId="478"/>
          <ac:picMkLst>
            <pc:docMk/>
            <pc:sldMk cId="771991772" sldId="514"/>
            <ac:picMk id="3" creationId="{2AECDA82-3CCA-4812-BB7C-D2F545E586D8}"/>
          </ac:picMkLst>
        </pc:picChg>
        <pc:picChg chg="del mod">
          <ac:chgData name="Matias Vázquez Piñón" userId="2f86a967-3c9c-4a39-b538-7e6c0574d83d" providerId="ADAL" clId="{B0EC83BE-3AC5-42EC-8408-8B0ACB640EA4}" dt="2022-08-11T17:41:52.398" v="15788" actId="478"/>
          <ac:picMkLst>
            <pc:docMk/>
            <pc:sldMk cId="771991772" sldId="514"/>
            <ac:picMk id="22" creationId="{36EFFCEC-6CE4-4E0C-BB7F-1CA2F201F7DE}"/>
          </ac:picMkLst>
        </pc:picChg>
        <pc:picChg chg="del mod">
          <ac:chgData name="Matias Vázquez Piñón" userId="2f86a967-3c9c-4a39-b538-7e6c0574d83d" providerId="ADAL" clId="{B0EC83BE-3AC5-42EC-8408-8B0ACB640EA4}" dt="2022-08-11T17:41:52.398" v="15788" actId="478"/>
          <ac:picMkLst>
            <pc:docMk/>
            <pc:sldMk cId="771991772" sldId="514"/>
            <ac:picMk id="27" creationId="{C8AC311E-9ADC-4AA9-9EDF-A5543D2802C5}"/>
          </ac:picMkLst>
        </pc:picChg>
        <pc:picChg chg="del mod">
          <ac:chgData name="Matias Vázquez Piñón" userId="2f86a967-3c9c-4a39-b538-7e6c0574d83d" providerId="ADAL" clId="{B0EC83BE-3AC5-42EC-8408-8B0ACB640EA4}" dt="2022-08-11T17:41:56.066" v="15790" actId="478"/>
          <ac:picMkLst>
            <pc:docMk/>
            <pc:sldMk cId="771991772" sldId="514"/>
            <ac:picMk id="38" creationId="{D8509625-FBE7-47D8-A23D-B56F22684AC8}"/>
          </ac:picMkLst>
        </pc:picChg>
        <pc:picChg chg="del mod">
          <ac:chgData name="Matias Vázquez Piñón" userId="2f86a967-3c9c-4a39-b538-7e6c0574d83d" providerId="ADAL" clId="{B0EC83BE-3AC5-42EC-8408-8B0ACB640EA4}" dt="2022-08-11T17:41:56.066" v="15790" actId="478"/>
          <ac:picMkLst>
            <pc:docMk/>
            <pc:sldMk cId="771991772" sldId="514"/>
            <ac:picMk id="42" creationId="{8AA09063-4093-4123-9F05-AAB5C9F7EB4E}"/>
          </ac:picMkLst>
        </pc:picChg>
        <pc:picChg chg="del mod">
          <ac:chgData name="Matias Vázquez Piñón" userId="2f86a967-3c9c-4a39-b538-7e6c0574d83d" providerId="ADAL" clId="{B0EC83BE-3AC5-42EC-8408-8B0ACB640EA4}" dt="2022-08-11T17:41:56.066" v="15790" actId="478"/>
          <ac:picMkLst>
            <pc:docMk/>
            <pc:sldMk cId="771991772" sldId="514"/>
            <ac:picMk id="45" creationId="{553A9421-3356-4A0E-B7AC-AF6423E358B2}"/>
          </ac:picMkLst>
        </pc:picChg>
        <pc:picChg chg="add del mod">
          <ac:chgData name="Matias Vázquez Piñón" userId="2f86a967-3c9c-4a39-b538-7e6c0574d83d" providerId="ADAL" clId="{B0EC83BE-3AC5-42EC-8408-8B0ACB640EA4}" dt="2022-08-11T17:53:16.582" v="15841"/>
          <ac:picMkLst>
            <pc:docMk/>
            <pc:sldMk cId="771991772" sldId="514"/>
            <ac:picMk id="100" creationId="{2484FB86-1962-CAC4-58E9-8AA5D7584C1D}"/>
          </ac:picMkLst>
        </pc:picChg>
        <pc:cxnChg chg="mod topLvl">
          <ac:chgData name="Matias Vázquez Piñón" userId="2f86a967-3c9c-4a39-b538-7e6c0574d83d" providerId="ADAL" clId="{B0EC83BE-3AC5-42EC-8408-8B0ACB640EA4}" dt="2022-08-11T17:52:49.975" v="15834" actId="164"/>
          <ac:cxnSpMkLst>
            <pc:docMk/>
            <pc:sldMk cId="771991772" sldId="514"/>
            <ac:cxnSpMk id="23" creationId="{5D239315-16DB-4A9D-B8A0-5032A0AFF202}"/>
          </ac:cxnSpMkLst>
        </pc:cxnChg>
        <pc:cxnChg chg="add mod">
          <ac:chgData name="Matias Vázquez Piñón" userId="2f86a967-3c9c-4a39-b538-7e6c0574d83d" providerId="ADAL" clId="{B0EC83BE-3AC5-42EC-8408-8B0ACB640EA4}" dt="2022-08-10T17:56:33.467" v="15688" actId="571"/>
          <ac:cxnSpMkLst>
            <pc:docMk/>
            <pc:sldMk cId="771991772" sldId="514"/>
            <ac:cxnSpMk id="25" creationId="{E5B5A457-1EEC-00A8-9B11-4FA07ACFE5D4}"/>
          </ac:cxnSpMkLst>
        </pc:cxnChg>
        <pc:cxnChg chg="mod topLvl">
          <ac:chgData name="Matias Vázquez Piñón" userId="2f86a967-3c9c-4a39-b538-7e6c0574d83d" providerId="ADAL" clId="{B0EC83BE-3AC5-42EC-8408-8B0ACB640EA4}" dt="2022-08-11T17:52:51.182" v="15835" actId="21"/>
          <ac:cxnSpMkLst>
            <pc:docMk/>
            <pc:sldMk cId="771991772" sldId="514"/>
            <ac:cxnSpMk id="26" creationId="{2F74E9BA-E29C-47EE-A1F3-C2FDD7A90572}"/>
          </ac:cxnSpMkLst>
        </pc:cxnChg>
        <pc:cxnChg chg="mod topLvl">
          <ac:chgData name="Matias Vázquez Piñón" userId="2f86a967-3c9c-4a39-b538-7e6c0574d83d" providerId="ADAL" clId="{B0EC83BE-3AC5-42EC-8408-8B0ACB640EA4}" dt="2022-08-11T17:52:51.182" v="15835" actId="21"/>
          <ac:cxnSpMkLst>
            <pc:docMk/>
            <pc:sldMk cId="771991772" sldId="514"/>
            <ac:cxnSpMk id="30" creationId="{975AF9A8-613B-40FE-8B98-509279636AB2}"/>
          </ac:cxnSpMkLst>
        </pc:cxnChg>
        <pc:cxnChg chg="mod topLvl">
          <ac:chgData name="Matias Vázquez Piñón" userId="2f86a967-3c9c-4a39-b538-7e6c0574d83d" providerId="ADAL" clId="{B0EC83BE-3AC5-42EC-8408-8B0ACB640EA4}" dt="2022-08-11T17:52:49.975" v="15834" actId="164"/>
          <ac:cxnSpMkLst>
            <pc:docMk/>
            <pc:sldMk cId="771991772" sldId="514"/>
            <ac:cxnSpMk id="32" creationId="{F50161D5-CF99-477B-8BD3-09CE776F835B}"/>
          </ac:cxnSpMkLst>
        </pc:cxnChg>
        <pc:cxnChg chg="mod topLvl">
          <ac:chgData name="Matias Vázquez Piñón" userId="2f86a967-3c9c-4a39-b538-7e6c0574d83d" providerId="ADAL" clId="{B0EC83BE-3AC5-42EC-8408-8B0ACB640EA4}" dt="2022-08-11T17:52:49.975" v="15834" actId="164"/>
          <ac:cxnSpMkLst>
            <pc:docMk/>
            <pc:sldMk cId="771991772" sldId="514"/>
            <ac:cxnSpMk id="34" creationId="{4C7FA3DB-8CC8-432D-AB79-789188FAB7A9}"/>
          </ac:cxnSpMkLst>
        </pc:cxnChg>
        <pc:cxnChg chg="mod">
          <ac:chgData name="Matias Vázquez Piñón" userId="2f86a967-3c9c-4a39-b538-7e6c0574d83d" providerId="ADAL" clId="{B0EC83BE-3AC5-42EC-8408-8B0ACB640EA4}" dt="2022-08-11T17:52:52.700" v="15836"/>
          <ac:cxnSpMkLst>
            <pc:docMk/>
            <pc:sldMk cId="771991772" sldId="514"/>
            <ac:cxnSpMk id="63" creationId="{FD15E9FB-7B40-E41D-BA79-DE53FF356550}"/>
          </ac:cxnSpMkLst>
        </pc:cxnChg>
        <pc:cxnChg chg="mod">
          <ac:chgData name="Matias Vázquez Piñón" userId="2f86a967-3c9c-4a39-b538-7e6c0574d83d" providerId="ADAL" clId="{B0EC83BE-3AC5-42EC-8408-8B0ACB640EA4}" dt="2022-08-11T17:52:52.700" v="15836"/>
          <ac:cxnSpMkLst>
            <pc:docMk/>
            <pc:sldMk cId="771991772" sldId="514"/>
            <ac:cxnSpMk id="64" creationId="{0427BD01-DE76-30DB-ECC9-B1FD33DE3D97}"/>
          </ac:cxnSpMkLst>
        </pc:cxnChg>
        <pc:cxnChg chg="mod">
          <ac:chgData name="Matias Vázquez Piñón" userId="2f86a967-3c9c-4a39-b538-7e6c0574d83d" providerId="ADAL" clId="{B0EC83BE-3AC5-42EC-8408-8B0ACB640EA4}" dt="2022-08-11T17:52:52.700" v="15836"/>
          <ac:cxnSpMkLst>
            <pc:docMk/>
            <pc:sldMk cId="771991772" sldId="514"/>
            <ac:cxnSpMk id="65" creationId="{0388D201-2A32-9FC4-44DE-91CA45ADF390}"/>
          </ac:cxnSpMkLst>
        </pc:cxnChg>
        <pc:cxnChg chg="mod">
          <ac:chgData name="Matias Vázquez Piñón" userId="2f86a967-3c9c-4a39-b538-7e6c0574d83d" providerId="ADAL" clId="{B0EC83BE-3AC5-42EC-8408-8B0ACB640EA4}" dt="2022-08-11T17:52:52.700" v="15836"/>
          <ac:cxnSpMkLst>
            <pc:docMk/>
            <pc:sldMk cId="771991772" sldId="514"/>
            <ac:cxnSpMk id="66" creationId="{87E80865-7948-D267-F7DB-0C6B43CF02FE}"/>
          </ac:cxnSpMkLst>
        </pc:cxnChg>
        <pc:cxnChg chg="mod">
          <ac:chgData name="Matias Vázquez Piñón" userId="2f86a967-3c9c-4a39-b538-7e6c0574d83d" providerId="ADAL" clId="{B0EC83BE-3AC5-42EC-8408-8B0ACB640EA4}" dt="2022-08-11T17:52:52.700" v="15836"/>
          <ac:cxnSpMkLst>
            <pc:docMk/>
            <pc:sldMk cId="771991772" sldId="514"/>
            <ac:cxnSpMk id="68" creationId="{06BBB634-F016-8601-7A6F-C40455216586}"/>
          </ac:cxnSpMkLst>
        </pc:cxnChg>
        <pc:cxnChg chg="mod">
          <ac:chgData name="Matias Vázquez Piñón" userId="2f86a967-3c9c-4a39-b538-7e6c0574d83d" providerId="ADAL" clId="{B0EC83BE-3AC5-42EC-8408-8B0ACB640EA4}" dt="2022-08-11T17:52:55.817" v="15838"/>
          <ac:cxnSpMkLst>
            <pc:docMk/>
            <pc:sldMk cId="771991772" sldId="514"/>
            <ac:cxnSpMk id="89" creationId="{18451472-7BAC-A2F5-6B0F-5116C79E2BCF}"/>
          </ac:cxnSpMkLst>
        </pc:cxnChg>
        <pc:cxnChg chg="mod">
          <ac:chgData name="Matias Vázquez Piñón" userId="2f86a967-3c9c-4a39-b538-7e6c0574d83d" providerId="ADAL" clId="{B0EC83BE-3AC5-42EC-8408-8B0ACB640EA4}" dt="2022-08-11T17:52:59.807" v="15839" actId="21"/>
          <ac:cxnSpMkLst>
            <pc:docMk/>
            <pc:sldMk cId="771991772" sldId="514"/>
            <ac:cxnSpMk id="90" creationId="{08C2F3FB-3F29-7E04-8F7E-DBDE78F5676F}"/>
          </ac:cxnSpMkLst>
        </pc:cxnChg>
        <pc:cxnChg chg="mod">
          <ac:chgData name="Matias Vázquez Piñón" userId="2f86a967-3c9c-4a39-b538-7e6c0574d83d" providerId="ADAL" clId="{B0EC83BE-3AC5-42EC-8408-8B0ACB640EA4}" dt="2022-08-11T17:52:59.807" v="15839" actId="21"/>
          <ac:cxnSpMkLst>
            <pc:docMk/>
            <pc:sldMk cId="771991772" sldId="514"/>
            <ac:cxnSpMk id="91" creationId="{16FF2860-80D2-F852-0D79-575FF353A7D0}"/>
          </ac:cxnSpMkLst>
        </pc:cxnChg>
        <pc:cxnChg chg="mod">
          <ac:chgData name="Matias Vázquez Piñón" userId="2f86a967-3c9c-4a39-b538-7e6c0574d83d" providerId="ADAL" clId="{B0EC83BE-3AC5-42EC-8408-8B0ACB640EA4}" dt="2022-08-11T17:52:55.817" v="15838"/>
          <ac:cxnSpMkLst>
            <pc:docMk/>
            <pc:sldMk cId="771991772" sldId="514"/>
            <ac:cxnSpMk id="92" creationId="{C94B01B3-198B-FC0E-EB02-7A725E875FCC}"/>
          </ac:cxnSpMkLst>
        </pc:cxnChg>
        <pc:cxnChg chg="mod">
          <ac:chgData name="Matias Vázquez Piñón" userId="2f86a967-3c9c-4a39-b538-7e6c0574d83d" providerId="ADAL" clId="{B0EC83BE-3AC5-42EC-8408-8B0ACB640EA4}" dt="2022-08-11T17:52:55.817" v="15838"/>
          <ac:cxnSpMkLst>
            <pc:docMk/>
            <pc:sldMk cId="771991772" sldId="514"/>
            <ac:cxnSpMk id="94" creationId="{76BCABB1-41AF-0514-CC19-9AFA147602D2}"/>
          </ac:cxnSpMkLst>
        </pc:cxnChg>
        <pc:cxnChg chg="mod">
          <ac:chgData name="Matias Vázquez Piñón" userId="2f86a967-3c9c-4a39-b538-7e6c0574d83d" providerId="ADAL" clId="{B0EC83BE-3AC5-42EC-8408-8B0ACB640EA4}" dt="2022-08-11T17:53:18.478" v="15842"/>
          <ac:cxnSpMkLst>
            <pc:docMk/>
            <pc:sldMk cId="771991772" sldId="514"/>
            <ac:cxnSpMk id="116" creationId="{1E40DF6E-BAB9-A6DB-BDBE-D744E688B061}"/>
          </ac:cxnSpMkLst>
        </pc:cxnChg>
        <pc:cxnChg chg="mod">
          <ac:chgData name="Matias Vázquez Piñón" userId="2f86a967-3c9c-4a39-b538-7e6c0574d83d" providerId="ADAL" clId="{B0EC83BE-3AC5-42EC-8408-8B0ACB640EA4}" dt="2022-08-11T17:53:18.478" v="15842"/>
          <ac:cxnSpMkLst>
            <pc:docMk/>
            <pc:sldMk cId="771991772" sldId="514"/>
            <ac:cxnSpMk id="117" creationId="{7D9B3587-4F0B-9D80-D0AB-2BC5FB55AE4D}"/>
          </ac:cxnSpMkLst>
        </pc:cxnChg>
        <pc:cxnChg chg="mod">
          <ac:chgData name="Matias Vázquez Piñón" userId="2f86a967-3c9c-4a39-b538-7e6c0574d83d" providerId="ADAL" clId="{B0EC83BE-3AC5-42EC-8408-8B0ACB640EA4}" dt="2022-08-11T17:53:18.478" v="15842"/>
          <ac:cxnSpMkLst>
            <pc:docMk/>
            <pc:sldMk cId="771991772" sldId="514"/>
            <ac:cxnSpMk id="118" creationId="{B3D99F13-C7FA-D50A-2901-C4B3C2CC5DD9}"/>
          </ac:cxnSpMkLst>
        </pc:cxnChg>
        <pc:cxnChg chg="mod">
          <ac:chgData name="Matias Vázquez Piñón" userId="2f86a967-3c9c-4a39-b538-7e6c0574d83d" providerId="ADAL" clId="{B0EC83BE-3AC5-42EC-8408-8B0ACB640EA4}" dt="2022-08-11T17:53:18.478" v="15842"/>
          <ac:cxnSpMkLst>
            <pc:docMk/>
            <pc:sldMk cId="771991772" sldId="514"/>
            <ac:cxnSpMk id="119" creationId="{06A7E6C0-B7D8-F6BF-A445-EBF9F240C004}"/>
          </ac:cxnSpMkLst>
        </pc:cxnChg>
        <pc:cxnChg chg="mod">
          <ac:chgData name="Matias Vázquez Piñón" userId="2f86a967-3c9c-4a39-b538-7e6c0574d83d" providerId="ADAL" clId="{B0EC83BE-3AC5-42EC-8408-8B0ACB640EA4}" dt="2022-08-11T17:53:18.478" v="15842"/>
          <ac:cxnSpMkLst>
            <pc:docMk/>
            <pc:sldMk cId="771991772" sldId="514"/>
            <ac:cxnSpMk id="121" creationId="{9A5FBA01-8B04-B5F7-844F-EB098A7A388B}"/>
          </ac:cxnSpMkLst>
        </pc:cxnChg>
      </pc:sldChg>
      <pc:sldChg chg="modSp mod">
        <pc:chgData name="Matias Vázquez Piñón" userId="2f86a967-3c9c-4a39-b538-7e6c0574d83d" providerId="ADAL" clId="{B0EC83BE-3AC5-42EC-8408-8B0ACB640EA4}" dt="2022-07-27T20:25:45.309" v="7774" actId="20577"/>
        <pc:sldMkLst>
          <pc:docMk/>
          <pc:sldMk cId="471044012" sldId="516"/>
        </pc:sldMkLst>
        <pc:spChg chg="mod">
          <ac:chgData name="Matias Vázquez Piñón" userId="2f86a967-3c9c-4a39-b538-7e6c0574d83d" providerId="ADAL" clId="{B0EC83BE-3AC5-42EC-8408-8B0ACB640EA4}" dt="2022-07-27T20:23:13.758" v="7728" actId="2711"/>
          <ac:spMkLst>
            <pc:docMk/>
            <pc:sldMk cId="471044012" sldId="516"/>
            <ac:spMk id="4" creationId="{53FAF46C-4190-4BD7-975F-7FF0320B5A84}"/>
          </ac:spMkLst>
        </pc:spChg>
        <pc:spChg chg="mod">
          <ac:chgData name="Matias Vázquez Piñón" userId="2f86a967-3c9c-4a39-b538-7e6c0574d83d" providerId="ADAL" clId="{B0EC83BE-3AC5-42EC-8408-8B0ACB640EA4}" dt="2022-07-27T20:23:13.758" v="7728" actId="2711"/>
          <ac:spMkLst>
            <pc:docMk/>
            <pc:sldMk cId="471044012" sldId="516"/>
            <ac:spMk id="5" creationId="{37D6C27F-1509-4A73-A0BE-401238589232}"/>
          </ac:spMkLst>
        </pc:spChg>
        <pc:spChg chg="mod">
          <ac:chgData name="Matias Vázquez Piñón" userId="2f86a967-3c9c-4a39-b538-7e6c0574d83d" providerId="ADAL" clId="{B0EC83BE-3AC5-42EC-8408-8B0ACB640EA4}" dt="2022-07-27T20:23:13.758" v="7728" actId="2711"/>
          <ac:spMkLst>
            <pc:docMk/>
            <pc:sldMk cId="471044012" sldId="516"/>
            <ac:spMk id="9" creationId="{81B5BD22-899D-414E-88E0-CA6E0F329131}"/>
          </ac:spMkLst>
        </pc:spChg>
        <pc:spChg chg="mod">
          <ac:chgData name="Matias Vázquez Piñón" userId="2f86a967-3c9c-4a39-b538-7e6c0574d83d" providerId="ADAL" clId="{B0EC83BE-3AC5-42EC-8408-8B0ACB640EA4}" dt="2022-07-27T20:24:41.367" v="7739" actId="403"/>
          <ac:spMkLst>
            <pc:docMk/>
            <pc:sldMk cId="471044012" sldId="516"/>
            <ac:spMk id="10" creationId="{8C7B712F-7A52-4151-A701-EF0707899A16}"/>
          </ac:spMkLst>
        </pc:spChg>
        <pc:spChg chg="mod">
          <ac:chgData name="Matias Vázquez Piñón" userId="2f86a967-3c9c-4a39-b538-7e6c0574d83d" providerId="ADAL" clId="{B0EC83BE-3AC5-42EC-8408-8B0ACB640EA4}" dt="2022-07-27T20:23:13.758" v="7728" actId="2711"/>
          <ac:spMkLst>
            <pc:docMk/>
            <pc:sldMk cId="471044012" sldId="516"/>
            <ac:spMk id="15" creationId="{9CECADE0-8F9A-465F-B179-E7F4EBDD5876}"/>
          </ac:spMkLst>
        </pc:spChg>
        <pc:spChg chg="mod">
          <ac:chgData name="Matias Vázquez Piñón" userId="2f86a967-3c9c-4a39-b538-7e6c0574d83d" providerId="ADAL" clId="{B0EC83BE-3AC5-42EC-8408-8B0ACB640EA4}" dt="2022-07-27T20:23:13.758" v="7728" actId="2711"/>
          <ac:spMkLst>
            <pc:docMk/>
            <pc:sldMk cId="471044012" sldId="516"/>
            <ac:spMk id="17" creationId="{0E7ECAD1-DD9B-42A4-B834-EB7398D81F00}"/>
          </ac:spMkLst>
        </pc:spChg>
        <pc:spChg chg="mod">
          <ac:chgData name="Matias Vázquez Piñón" userId="2f86a967-3c9c-4a39-b538-7e6c0574d83d" providerId="ADAL" clId="{B0EC83BE-3AC5-42EC-8408-8B0ACB640EA4}" dt="2022-07-27T20:24:46.776" v="7741" actId="404"/>
          <ac:spMkLst>
            <pc:docMk/>
            <pc:sldMk cId="471044012" sldId="516"/>
            <ac:spMk id="18" creationId="{8F6B261C-C69D-4E79-A600-63E85E2F5284}"/>
          </ac:spMkLst>
        </pc:spChg>
        <pc:spChg chg="mod">
          <ac:chgData name="Matias Vázquez Piñón" userId="2f86a967-3c9c-4a39-b538-7e6c0574d83d" providerId="ADAL" clId="{B0EC83BE-3AC5-42EC-8408-8B0ACB640EA4}" dt="2022-07-27T20:23:13.758" v="7728" actId="2711"/>
          <ac:spMkLst>
            <pc:docMk/>
            <pc:sldMk cId="471044012" sldId="516"/>
            <ac:spMk id="26" creationId="{5DBE005D-AD26-47A0-ADFF-87271B3F351D}"/>
          </ac:spMkLst>
        </pc:spChg>
        <pc:spChg chg="mod">
          <ac:chgData name="Matias Vázquez Piñón" userId="2f86a967-3c9c-4a39-b538-7e6c0574d83d" providerId="ADAL" clId="{B0EC83BE-3AC5-42EC-8408-8B0ACB640EA4}" dt="2022-07-27T20:23:13.758" v="7728" actId="2711"/>
          <ac:spMkLst>
            <pc:docMk/>
            <pc:sldMk cId="471044012" sldId="516"/>
            <ac:spMk id="28" creationId="{7E199668-9BCB-4803-B156-8A7C76EDA5EA}"/>
          </ac:spMkLst>
        </pc:spChg>
        <pc:spChg chg="mod">
          <ac:chgData name="Matias Vázquez Piñón" userId="2f86a967-3c9c-4a39-b538-7e6c0574d83d" providerId="ADAL" clId="{B0EC83BE-3AC5-42EC-8408-8B0ACB640EA4}" dt="2022-07-27T20:25:01.438" v="7748" actId="20577"/>
          <ac:spMkLst>
            <pc:docMk/>
            <pc:sldMk cId="471044012" sldId="516"/>
            <ac:spMk id="29" creationId="{AE087AD3-268E-4447-932C-F1BF77879F35}"/>
          </ac:spMkLst>
        </pc:spChg>
        <pc:spChg chg="mod">
          <ac:chgData name="Matias Vázquez Piñón" userId="2f86a967-3c9c-4a39-b538-7e6c0574d83d" providerId="ADAL" clId="{B0EC83BE-3AC5-42EC-8408-8B0ACB640EA4}" dt="2022-07-27T20:23:13.758" v="7728" actId="2711"/>
          <ac:spMkLst>
            <pc:docMk/>
            <pc:sldMk cId="471044012" sldId="516"/>
            <ac:spMk id="31" creationId="{E13C1A53-3F1B-4EF8-BA37-08E6F589F097}"/>
          </ac:spMkLst>
        </pc:spChg>
        <pc:spChg chg="mod">
          <ac:chgData name="Matias Vázquez Piñón" userId="2f86a967-3c9c-4a39-b538-7e6c0574d83d" providerId="ADAL" clId="{B0EC83BE-3AC5-42EC-8408-8B0ACB640EA4}" dt="2022-07-27T20:25:45.309" v="7774" actId="20577"/>
          <ac:spMkLst>
            <pc:docMk/>
            <pc:sldMk cId="471044012" sldId="516"/>
            <ac:spMk id="32" creationId="{83D34A5C-8BC9-4F59-BF90-E00796AAB20A}"/>
          </ac:spMkLst>
        </pc:spChg>
        <pc:spChg chg="mod">
          <ac:chgData name="Matias Vázquez Piñón" userId="2f86a967-3c9c-4a39-b538-7e6c0574d83d" providerId="ADAL" clId="{B0EC83BE-3AC5-42EC-8408-8B0ACB640EA4}" dt="2022-07-27T20:23:13.758" v="7728" actId="2711"/>
          <ac:spMkLst>
            <pc:docMk/>
            <pc:sldMk cId="471044012" sldId="516"/>
            <ac:spMk id="33" creationId="{6B7DFB32-690C-4006-8D02-49D906453384}"/>
          </ac:spMkLst>
        </pc:spChg>
        <pc:grpChg chg="mod">
          <ac:chgData name="Matias Vázquez Piñón" userId="2f86a967-3c9c-4a39-b538-7e6c0574d83d" providerId="ADAL" clId="{B0EC83BE-3AC5-42EC-8408-8B0ACB640EA4}" dt="2022-07-27T20:23:13.758" v="7728" actId="2711"/>
          <ac:grpSpMkLst>
            <pc:docMk/>
            <pc:sldMk cId="471044012" sldId="516"/>
            <ac:grpSpMk id="22" creationId="{A3A7B9EE-1B9D-407E-A757-DAB7B90DE340}"/>
          </ac:grpSpMkLst>
        </pc:grpChg>
        <pc:grpChg chg="mod">
          <ac:chgData name="Matias Vázquez Piñón" userId="2f86a967-3c9c-4a39-b538-7e6c0574d83d" providerId="ADAL" clId="{B0EC83BE-3AC5-42EC-8408-8B0ACB640EA4}" dt="2022-07-27T20:23:13.758" v="7728" actId="2711"/>
          <ac:grpSpMkLst>
            <pc:docMk/>
            <pc:sldMk cId="471044012" sldId="516"/>
            <ac:grpSpMk id="38" creationId="{403A18BC-7EE7-FA49-DAF5-2D5BF218F138}"/>
          </ac:grpSpMkLst>
        </pc:grpChg>
        <pc:picChg chg="mod">
          <ac:chgData name="Matias Vázquez Piñón" userId="2f86a967-3c9c-4a39-b538-7e6c0574d83d" providerId="ADAL" clId="{B0EC83BE-3AC5-42EC-8408-8B0ACB640EA4}" dt="2022-07-27T20:23:13.758" v="7728" actId="2711"/>
          <ac:picMkLst>
            <pc:docMk/>
            <pc:sldMk cId="471044012" sldId="516"/>
            <ac:picMk id="12" creationId="{CA4D2470-B58B-451F-B844-3112B514FB1E}"/>
          </ac:picMkLst>
        </pc:picChg>
        <pc:picChg chg="mod">
          <ac:chgData name="Matias Vázquez Piñón" userId="2f86a967-3c9c-4a39-b538-7e6c0574d83d" providerId="ADAL" clId="{B0EC83BE-3AC5-42EC-8408-8B0ACB640EA4}" dt="2022-07-27T20:23:13.758" v="7728" actId="2711"/>
          <ac:picMkLst>
            <pc:docMk/>
            <pc:sldMk cId="471044012" sldId="516"/>
            <ac:picMk id="14" creationId="{C8D0D947-293B-4603-ACC9-1281A63851B5}"/>
          </ac:picMkLst>
        </pc:picChg>
        <pc:picChg chg="mod">
          <ac:chgData name="Matias Vázquez Piñón" userId="2f86a967-3c9c-4a39-b538-7e6c0574d83d" providerId="ADAL" clId="{B0EC83BE-3AC5-42EC-8408-8B0ACB640EA4}" dt="2022-07-27T20:23:13.758" v="7728" actId="2711"/>
          <ac:picMkLst>
            <pc:docMk/>
            <pc:sldMk cId="471044012" sldId="516"/>
            <ac:picMk id="24" creationId="{BCFBFF97-EA01-425E-8D5F-1931C7313169}"/>
          </ac:picMkLst>
        </pc:picChg>
        <pc:picChg chg="mod">
          <ac:chgData name="Matias Vázquez Piñón" userId="2f86a967-3c9c-4a39-b538-7e6c0574d83d" providerId="ADAL" clId="{B0EC83BE-3AC5-42EC-8408-8B0ACB640EA4}" dt="2022-07-27T20:23:13.758" v="7728" actId="2711"/>
          <ac:picMkLst>
            <pc:docMk/>
            <pc:sldMk cId="471044012" sldId="516"/>
            <ac:picMk id="30" creationId="{FFB902E5-1FC0-4A61-0E52-D33FD0B6B700}"/>
          </ac:picMkLst>
        </pc:picChg>
        <pc:picChg chg="mod">
          <ac:chgData name="Matias Vázquez Piñón" userId="2f86a967-3c9c-4a39-b538-7e6c0574d83d" providerId="ADAL" clId="{B0EC83BE-3AC5-42EC-8408-8B0ACB640EA4}" dt="2022-07-27T20:23:13.758" v="7728" actId="2711"/>
          <ac:picMkLst>
            <pc:docMk/>
            <pc:sldMk cId="471044012" sldId="516"/>
            <ac:picMk id="35" creationId="{F462F344-4B39-417D-B137-ACCD377314BB}"/>
          </ac:picMkLst>
        </pc:picChg>
        <pc:inkChg chg="mod">
          <ac:chgData name="Matias Vázquez Piñón" userId="2f86a967-3c9c-4a39-b538-7e6c0574d83d" providerId="ADAL" clId="{B0EC83BE-3AC5-42EC-8408-8B0ACB640EA4}" dt="2022-07-27T20:23:13.758" v="7728" actId="2711"/>
          <ac:inkMkLst>
            <pc:docMk/>
            <pc:sldMk cId="471044012" sldId="516"/>
            <ac:inkMk id="40" creationId="{DFC6FC10-76C9-74B3-7B36-826488CD11CC}"/>
          </ac:inkMkLst>
        </pc:inkChg>
        <pc:cxnChg chg="mod">
          <ac:chgData name="Matias Vázquez Piñón" userId="2f86a967-3c9c-4a39-b538-7e6c0574d83d" providerId="ADAL" clId="{B0EC83BE-3AC5-42EC-8408-8B0ACB640EA4}" dt="2022-07-27T20:23:13.758" v="7728" actId="2711"/>
          <ac:cxnSpMkLst>
            <pc:docMk/>
            <pc:sldMk cId="471044012" sldId="516"/>
            <ac:cxnSpMk id="21" creationId="{AF612BAA-BFB9-4563-9FF7-B5F88BE18F00}"/>
          </ac:cxnSpMkLst>
        </pc:cxnChg>
        <pc:cxnChg chg="mod">
          <ac:chgData name="Matias Vázquez Piñón" userId="2f86a967-3c9c-4a39-b538-7e6c0574d83d" providerId="ADAL" clId="{B0EC83BE-3AC5-42EC-8408-8B0ACB640EA4}" dt="2022-07-27T20:23:13.758" v="7728" actId="2711"/>
          <ac:cxnSpMkLst>
            <pc:docMk/>
            <pc:sldMk cId="471044012" sldId="516"/>
            <ac:cxnSpMk id="27" creationId="{1F893D87-A6B2-4206-BECB-7495EE36F386}"/>
          </ac:cxnSpMkLst>
        </pc:cxnChg>
        <pc:cxnChg chg="mod">
          <ac:chgData name="Matias Vázquez Piñón" userId="2f86a967-3c9c-4a39-b538-7e6c0574d83d" providerId="ADAL" clId="{B0EC83BE-3AC5-42EC-8408-8B0ACB640EA4}" dt="2022-07-27T20:23:13.758" v="7728" actId="2711"/>
          <ac:cxnSpMkLst>
            <pc:docMk/>
            <pc:sldMk cId="471044012" sldId="516"/>
            <ac:cxnSpMk id="34" creationId="{9282786D-028C-447B-91EF-D16F4A10B70B}"/>
          </ac:cxnSpMkLst>
        </pc:cxnChg>
      </pc:sldChg>
      <pc:sldChg chg="modSp mod">
        <pc:chgData name="Matias Vázquez Piñón" userId="2f86a967-3c9c-4a39-b538-7e6c0574d83d" providerId="ADAL" clId="{B0EC83BE-3AC5-42EC-8408-8B0ACB640EA4}" dt="2022-07-27T20:28:41.479" v="7833" actId="1076"/>
        <pc:sldMkLst>
          <pc:docMk/>
          <pc:sldMk cId="4153488033" sldId="517"/>
        </pc:sldMkLst>
        <pc:spChg chg="mod">
          <ac:chgData name="Matias Vázquez Piñón" userId="2f86a967-3c9c-4a39-b538-7e6c0574d83d" providerId="ADAL" clId="{B0EC83BE-3AC5-42EC-8408-8B0ACB640EA4}" dt="2022-07-27T20:23:54.502" v="7729" actId="2711"/>
          <ac:spMkLst>
            <pc:docMk/>
            <pc:sldMk cId="4153488033" sldId="517"/>
            <ac:spMk id="4" creationId="{53FAF46C-4190-4BD7-975F-7FF0320B5A84}"/>
          </ac:spMkLst>
        </pc:spChg>
        <pc:spChg chg="mod">
          <ac:chgData name="Matias Vázquez Piñón" userId="2f86a967-3c9c-4a39-b538-7e6c0574d83d" providerId="ADAL" clId="{B0EC83BE-3AC5-42EC-8408-8B0ACB640EA4}" dt="2022-07-27T20:23:54.502" v="7729" actId="2711"/>
          <ac:spMkLst>
            <pc:docMk/>
            <pc:sldMk cId="4153488033" sldId="517"/>
            <ac:spMk id="5" creationId="{37D6C27F-1509-4A73-A0BE-401238589232}"/>
          </ac:spMkLst>
        </pc:spChg>
        <pc:spChg chg="mod">
          <ac:chgData name="Matias Vázquez Piñón" userId="2f86a967-3c9c-4a39-b538-7e6c0574d83d" providerId="ADAL" clId="{B0EC83BE-3AC5-42EC-8408-8B0ACB640EA4}" dt="2022-07-27T20:23:54.502" v="7729" actId="2711"/>
          <ac:spMkLst>
            <pc:docMk/>
            <pc:sldMk cId="4153488033" sldId="517"/>
            <ac:spMk id="9" creationId="{81B5BD22-899D-414E-88E0-CA6E0F329131}"/>
          </ac:spMkLst>
        </pc:spChg>
        <pc:spChg chg="mod">
          <ac:chgData name="Matias Vázquez Piñón" userId="2f86a967-3c9c-4a39-b538-7e6c0574d83d" providerId="ADAL" clId="{B0EC83BE-3AC5-42EC-8408-8B0ACB640EA4}" dt="2022-07-27T20:26:54.943" v="7780" actId="1076"/>
          <ac:spMkLst>
            <pc:docMk/>
            <pc:sldMk cId="4153488033" sldId="517"/>
            <ac:spMk id="10" creationId="{8C7B712F-7A52-4151-A701-EF0707899A16}"/>
          </ac:spMkLst>
        </pc:spChg>
        <pc:spChg chg="mod">
          <ac:chgData name="Matias Vázquez Piñón" userId="2f86a967-3c9c-4a39-b538-7e6c0574d83d" providerId="ADAL" clId="{B0EC83BE-3AC5-42EC-8408-8B0ACB640EA4}" dt="2022-07-27T20:23:54.502" v="7729" actId="2711"/>
          <ac:spMkLst>
            <pc:docMk/>
            <pc:sldMk cId="4153488033" sldId="517"/>
            <ac:spMk id="15" creationId="{9CECADE0-8F9A-465F-B179-E7F4EBDD5876}"/>
          </ac:spMkLst>
        </pc:spChg>
        <pc:spChg chg="mod">
          <ac:chgData name="Matias Vázquez Piñón" userId="2f86a967-3c9c-4a39-b538-7e6c0574d83d" providerId="ADAL" clId="{B0EC83BE-3AC5-42EC-8408-8B0ACB640EA4}" dt="2022-07-27T20:23:54.502" v="7729" actId="2711"/>
          <ac:spMkLst>
            <pc:docMk/>
            <pc:sldMk cId="4153488033" sldId="517"/>
            <ac:spMk id="17" creationId="{0E7ECAD1-DD9B-42A4-B834-EB7398D81F00}"/>
          </ac:spMkLst>
        </pc:spChg>
        <pc:spChg chg="mod">
          <ac:chgData name="Matias Vázquez Piñón" userId="2f86a967-3c9c-4a39-b538-7e6c0574d83d" providerId="ADAL" clId="{B0EC83BE-3AC5-42EC-8408-8B0ACB640EA4}" dt="2022-07-27T20:27:33.350" v="7785" actId="1076"/>
          <ac:spMkLst>
            <pc:docMk/>
            <pc:sldMk cId="4153488033" sldId="517"/>
            <ac:spMk id="18" creationId="{8F6B261C-C69D-4E79-A600-63E85E2F5284}"/>
          </ac:spMkLst>
        </pc:spChg>
        <pc:spChg chg="mod">
          <ac:chgData name="Matias Vázquez Piñón" userId="2f86a967-3c9c-4a39-b538-7e6c0574d83d" providerId="ADAL" clId="{B0EC83BE-3AC5-42EC-8408-8B0ACB640EA4}" dt="2022-07-27T20:23:54.502" v="7729" actId="2711"/>
          <ac:spMkLst>
            <pc:docMk/>
            <pc:sldMk cId="4153488033" sldId="517"/>
            <ac:spMk id="26" creationId="{5DBE005D-AD26-47A0-ADFF-87271B3F351D}"/>
          </ac:spMkLst>
        </pc:spChg>
        <pc:spChg chg="mod">
          <ac:chgData name="Matias Vázquez Piñón" userId="2f86a967-3c9c-4a39-b538-7e6c0574d83d" providerId="ADAL" clId="{B0EC83BE-3AC5-42EC-8408-8B0ACB640EA4}" dt="2022-07-27T20:23:54.502" v="7729" actId="2711"/>
          <ac:spMkLst>
            <pc:docMk/>
            <pc:sldMk cId="4153488033" sldId="517"/>
            <ac:spMk id="28" creationId="{7E199668-9BCB-4803-B156-8A7C76EDA5EA}"/>
          </ac:spMkLst>
        </pc:spChg>
        <pc:spChg chg="mod">
          <ac:chgData name="Matias Vázquez Piñón" userId="2f86a967-3c9c-4a39-b538-7e6c0574d83d" providerId="ADAL" clId="{B0EC83BE-3AC5-42EC-8408-8B0ACB640EA4}" dt="2022-07-27T20:28:01.057" v="7806" actId="6549"/>
          <ac:spMkLst>
            <pc:docMk/>
            <pc:sldMk cId="4153488033" sldId="517"/>
            <ac:spMk id="29" creationId="{AE087AD3-268E-4447-932C-F1BF77879F35}"/>
          </ac:spMkLst>
        </pc:spChg>
        <pc:spChg chg="mod">
          <ac:chgData name="Matias Vázquez Piñón" userId="2f86a967-3c9c-4a39-b538-7e6c0574d83d" providerId="ADAL" clId="{B0EC83BE-3AC5-42EC-8408-8B0ACB640EA4}" dt="2022-07-27T20:23:54.502" v="7729" actId="2711"/>
          <ac:spMkLst>
            <pc:docMk/>
            <pc:sldMk cId="4153488033" sldId="517"/>
            <ac:spMk id="31" creationId="{E13C1A53-3F1B-4EF8-BA37-08E6F589F097}"/>
          </ac:spMkLst>
        </pc:spChg>
        <pc:spChg chg="mod">
          <ac:chgData name="Matias Vázquez Piñón" userId="2f86a967-3c9c-4a39-b538-7e6c0574d83d" providerId="ADAL" clId="{B0EC83BE-3AC5-42EC-8408-8B0ACB640EA4}" dt="2022-07-27T20:28:41.479" v="7833" actId="1076"/>
          <ac:spMkLst>
            <pc:docMk/>
            <pc:sldMk cId="4153488033" sldId="517"/>
            <ac:spMk id="32" creationId="{83D34A5C-8BC9-4F59-BF90-E00796AAB20A}"/>
          </ac:spMkLst>
        </pc:spChg>
        <pc:spChg chg="mod">
          <ac:chgData name="Matias Vázquez Piñón" userId="2f86a967-3c9c-4a39-b538-7e6c0574d83d" providerId="ADAL" clId="{B0EC83BE-3AC5-42EC-8408-8B0ACB640EA4}" dt="2022-07-27T20:23:54.502" v="7729" actId="2711"/>
          <ac:spMkLst>
            <pc:docMk/>
            <pc:sldMk cId="4153488033" sldId="517"/>
            <ac:spMk id="33" creationId="{6B7DFB32-690C-4006-8D02-49D906453384}"/>
          </ac:spMkLst>
        </pc:spChg>
        <pc:grpChg chg="mod">
          <ac:chgData name="Matias Vázquez Piñón" userId="2f86a967-3c9c-4a39-b538-7e6c0574d83d" providerId="ADAL" clId="{B0EC83BE-3AC5-42EC-8408-8B0ACB640EA4}" dt="2022-07-27T20:23:54.502" v="7729" actId="2711"/>
          <ac:grpSpMkLst>
            <pc:docMk/>
            <pc:sldMk cId="4153488033" sldId="517"/>
            <ac:grpSpMk id="22" creationId="{A3A7B9EE-1B9D-407E-A757-DAB7B90DE340}"/>
          </ac:grpSpMkLst>
        </pc:grpChg>
        <pc:picChg chg="mod">
          <ac:chgData name="Matias Vázquez Piñón" userId="2f86a967-3c9c-4a39-b538-7e6c0574d83d" providerId="ADAL" clId="{B0EC83BE-3AC5-42EC-8408-8B0ACB640EA4}" dt="2022-07-27T20:23:54.502" v="7729" actId="2711"/>
          <ac:picMkLst>
            <pc:docMk/>
            <pc:sldMk cId="4153488033" sldId="517"/>
            <ac:picMk id="12" creationId="{CA4D2470-B58B-451F-B844-3112B514FB1E}"/>
          </ac:picMkLst>
        </pc:picChg>
        <pc:picChg chg="mod">
          <ac:chgData name="Matias Vázquez Piñón" userId="2f86a967-3c9c-4a39-b538-7e6c0574d83d" providerId="ADAL" clId="{B0EC83BE-3AC5-42EC-8408-8B0ACB640EA4}" dt="2022-07-27T20:23:54.502" v="7729" actId="2711"/>
          <ac:picMkLst>
            <pc:docMk/>
            <pc:sldMk cId="4153488033" sldId="517"/>
            <ac:picMk id="14" creationId="{C8D0D947-293B-4603-ACC9-1281A63851B5}"/>
          </ac:picMkLst>
        </pc:picChg>
        <pc:picChg chg="mod">
          <ac:chgData name="Matias Vázquez Piñón" userId="2f86a967-3c9c-4a39-b538-7e6c0574d83d" providerId="ADAL" clId="{B0EC83BE-3AC5-42EC-8408-8B0ACB640EA4}" dt="2022-07-27T20:23:54.502" v="7729" actId="2711"/>
          <ac:picMkLst>
            <pc:docMk/>
            <pc:sldMk cId="4153488033" sldId="517"/>
            <ac:picMk id="24" creationId="{BCFBFF97-EA01-425E-8D5F-1931C7313169}"/>
          </ac:picMkLst>
        </pc:picChg>
        <pc:picChg chg="mod">
          <ac:chgData name="Matias Vázquez Piñón" userId="2f86a967-3c9c-4a39-b538-7e6c0574d83d" providerId="ADAL" clId="{B0EC83BE-3AC5-42EC-8408-8B0ACB640EA4}" dt="2022-07-27T20:23:54.502" v="7729" actId="2711"/>
          <ac:picMkLst>
            <pc:docMk/>
            <pc:sldMk cId="4153488033" sldId="517"/>
            <ac:picMk id="35" creationId="{F462F344-4B39-417D-B137-ACCD377314BB}"/>
          </ac:picMkLst>
        </pc:picChg>
        <pc:cxnChg chg="mod">
          <ac:chgData name="Matias Vázquez Piñón" userId="2f86a967-3c9c-4a39-b538-7e6c0574d83d" providerId="ADAL" clId="{B0EC83BE-3AC5-42EC-8408-8B0ACB640EA4}" dt="2022-07-27T20:23:54.502" v="7729" actId="2711"/>
          <ac:cxnSpMkLst>
            <pc:docMk/>
            <pc:sldMk cId="4153488033" sldId="517"/>
            <ac:cxnSpMk id="21" creationId="{AF612BAA-BFB9-4563-9FF7-B5F88BE18F00}"/>
          </ac:cxnSpMkLst>
        </pc:cxnChg>
        <pc:cxnChg chg="mod">
          <ac:chgData name="Matias Vázquez Piñón" userId="2f86a967-3c9c-4a39-b538-7e6c0574d83d" providerId="ADAL" clId="{B0EC83BE-3AC5-42EC-8408-8B0ACB640EA4}" dt="2022-07-27T20:23:54.502" v="7729" actId="2711"/>
          <ac:cxnSpMkLst>
            <pc:docMk/>
            <pc:sldMk cId="4153488033" sldId="517"/>
            <ac:cxnSpMk id="27" creationId="{1F893D87-A6B2-4206-BECB-7495EE36F386}"/>
          </ac:cxnSpMkLst>
        </pc:cxnChg>
        <pc:cxnChg chg="mod">
          <ac:chgData name="Matias Vázquez Piñón" userId="2f86a967-3c9c-4a39-b538-7e6c0574d83d" providerId="ADAL" clId="{B0EC83BE-3AC5-42EC-8408-8B0ACB640EA4}" dt="2022-07-27T20:23:54.502" v="7729" actId="2711"/>
          <ac:cxnSpMkLst>
            <pc:docMk/>
            <pc:sldMk cId="4153488033" sldId="517"/>
            <ac:cxnSpMk id="34" creationId="{9282786D-028C-447B-91EF-D16F4A10B70B}"/>
          </ac:cxnSpMkLst>
        </pc:cxnChg>
      </pc:sldChg>
      <pc:sldChg chg="modSp mod">
        <pc:chgData name="Matias Vázquez Piñón" userId="2f86a967-3c9c-4a39-b538-7e6c0574d83d" providerId="ADAL" clId="{B0EC83BE-3AC5-42EC-8408-8B0ACB640EA4}" dt="2022-07-27T20:33:39.043" v="7941" actId="120"/>
        <pc:sldMkLst>
          <pc:docMk/>
          <pc:sldMk cId="3547474209" sldId="518"/>
        </pc:sldMkLst>
        <pc:spChg chg="mod">
          <ac:chgData name="Matias Vázquez Piñón" userId="2f86a967-3c9c-4a39-b538-7e6c0574d83d" providerId="ADAL" clId="{B0EC83BE-3AC5-42EC-8408-8B0ACB640EA4}" dt="2022-07-27T20:24:02.715" v="7730" actId="2711"/>
          <ac:spMkLst>
            <pc:docMk/>
            <pc:sldMk cId="3547474209" sldId="518"/>
            <ac:spMk id="4" creationId="{53FAF46C-4190-4BD7-975F-7FF0320B5A84}"/>
          </ac:spMkLst>
        </pc:spChg>
        <pc:spChg chg="mod">
          <ac:chgData name="Matias Vázquez Piñón" userId="2f86a967-3c9c-4a39-b538-7e6c0574d83d" providerId="ADAL" clId="{B0EC83BE-3AC5-42EC-8408-8B0ACB640EA4}" dt="2022-07-27T20:24:02.715" v="7730" actId="2711"/>
          <ac:spMkLst>
            <pc:docMk/>
            <pc:sldMk cId="3547474209" sldId="518"/>
            <ac:spMk id="5" creationId="{37D6C27F-1509-4A73-A0BE-401238589232}"/>
          </ac:spMkLst>
        </pc:spChg>
        <pc:spChg chg="mod">
          <ac:chgData name="Matias Vázquez Piñón" userId="2f86a967-3c9c-4a39-b538-7e6c0574d83d" providerId="ADAL" clId="{B0EC83BE-3AC5-42EC-8408-8B0ACB640EA4}" dt="2022-07-27T20:24:02.715" v="7730" actId="2711"/>
          <ac:spMkLst>
            <pc:docMk/>
            <pc:sldMk cId="3547474209" sldId="518"/>
            <ac:spMk id="9" creationId="{81B5BD22-899D-414E-88E0-CA6E0F329131}"/>
          </ac:spMkLst>
        </pc:spChg>
        <pc:spChg chg="mod">
          <ac:chgData name="Matias Vázquez Piñón" userId="2f86a967-3c9c-4a39-b538-7e6c0574d83d" providerId="ADAL" clId="{B0EC83BE-3AC5-42EC-8408-8B0ACB640EA4}" dt="2022-07-27T20:30:49.372" v="7850" actId="20577"/>
          <ac:spMkLst>
            <pc:docMk/>
            <pc:sldMk cId="3547474209" sldId="518"/>
            <ac:spMk id="10" creationId="{8C7B712F-7A52-4151-A701-EF0707899A16}"/>
          </ac:spMkLst>
        </pc:spChg>
        <pc:spChg chg="mod">
          <ac:chgData name="Matias Vázquez Piñón" userId="2f86a967-3c9c-4a39-b538-7e6c0574d83d" providerId="ADAL" clId="{B0EC83BE-3AC5-42EC-8408-8B0ACB640EA4}" dt="2022-07-27T20:24:02.715" v="7730" actId="2711"/>
          <ac:spMkLst>
            <pc:docMk/>
            <pc:sldMk cId="3547474209" sldId="518"/>
            <ac:spMk id="15" creationId="{9CECADE0-8F9A-465F-B179-E7F4EBDD5876}"/>
          </ac:spMkLst>
        </pc:spChg>
        <pc:spChg chg="mod">
          <ac:chgData name="Matias Vázquez Piñón" userId="2f86a967-3c9c-4a39-b538-7e6c0574d83d" providerId="ADAL" clId="{B0EC83BE-3AC5-42EC-8408-8B0ACB640EA4}" dt="2022-07-27T20:24:02.715" v="7730" actId="2711"/>
          <ac:spMkLst>
            <pc:docMk/>
            <pc:sldMk cId="3547474209" sldId="518"/>
            <ac:spMk id="17" creationId="{0E7ECAD1-DD9B-42A4-B834-EB7398D81F00}"/>
          </ac:spMkLst>
        </pc:spChg>
        <pc:spChg chg="mod">
          <ac:chgData name="Matias Vázquez Piñón" userId="2f86a967-3c9c-4a39-b538-7e6c0574d83d" providerId="ADAL" clId="{B0EC83BE-3AC5-42EC-8408-8B0ACB640EA4}" dt="2022-07-27T20:32:31.003" v="7927" actId="1076"/>
          <ac:spMkLst>
            <pc:docMk/>
            <pc:sldMk cId="3547474209" sldId="518"/>
            <ac:spMk id="18" creationId="{8F6B261C-C69D-4E79-A600-63E85E2F5284}"/>
          </ac:spMkLst>
        </pc:spChg>
        <pc:spChg chg="mod">
          <ac:chgData name="Matias Vázquez Piñón" userId="2f86a967-3c9c-4a39-b538-7e6c0574d83d" providerId="ADAL" clId="{B0EC83BE-3AC5-42EC-8408-8B0ACB640EA4}" dt="2022-07-27T20:24:02.715" v="7730" actId="2711"/>
          <ac:spMkLst>
            <pc:docMk/>
            <pc:sldMk cId="3547474209" sldId="518"/>
            <ac:spMk id="26" creationId="{5DBE005D-AD26-47A0-ADFF-87271B3F351D}"/>
          </ac:spMkLst>
        </pc:spChg>
        <pc:spChg chg="mod">
          <ac:chgData name="Matias Vázquez Piñón" userId="2f86a967-3c9c-4a39-b538-7e6c0574d83d" providerId="ADAL" clId="{B0EC83BE-3AC5-42EC-8408-8B0ACB640EA4}" dt="2022-07-27T20:24:02.715" v="7730" actId="2711"/>
          <ac:spMkLst>
            <pc:docMk/>
            <pc:sldMk cId="3547474209" sldId="518"/>
            <ac:spMk id="28" creationId="{7E199668-9BCB-4803-B156-8A7C76EDA5EA}"/>
          </ac:spMkLst>
        </pc:spChg>
        <pc:spChg chg="mod">
          <ac:chgData name="Matias Vázquez Piñón" userId="2f86a967-3c9c-4a39-b538-7e6c0574d83d" providerId="ADAL" clId="{B0EC83BE-3AC5-42EC-8408-8B0ACB640EA4}" dt="2022-07-27T20:32:59.431" v="7937" actId="20577"/>
          <ac:spMkLst>
            <pc:docMk/>
            <pc:sldMk cId="3547474209" sldId="518"/>
            <ac:spMk id="29" creationId="{AE087AD3-268E-4447-932C-F1BF77879F35}"/>
          </ac:spMkLst>
        </pc:spChg>
        <pc:spChg chg="mod">
          <ac:chgData name="Matias Vázquez Piñón" userId="2f86a967-3c9c-4a39-b538-7e6c0574d83d" providerId="ADAL" clId="{B0EC83BE-3AC5-42EC-8408-8B0ACB640EA4}" dt="2022-07-27T20:24:02.715" v="7730" actId="2711"/>
          <ac:spMkLst>
            <pc:docMk/>
            <pc:sldMk cId="3547474209" sldId="518"/>
            <ac:spMk id="31" creationId="{E13C1A53-3F1B-4EF8-BA37-08E6F589F097}"/>
          </ac:spMkLst>
        </pc:spChg>
        <pc:spChg chg="mod">
          <ac:chgData name="Matias Vázquez Piñón" userId="2f86a967-3c9c-4a39-b538-7e6c0574d83d" providerId="ADAL" clId="{B0EC83BE-3AC5-42EC-8408-8B0ACB640EA4}" dt="2022-07-27T20:33:39.043" v="7941" actId="120"/>
          <ac:spMkLst>
            <pc:docMk/>
            <pc:sldMk cId="3547474209" sldId="518"/>
            <ac:spMk id="32" creationId="{83D34A5C-8BC9-4F59-BF90-E00796AAB20A}"/>
          </ac:spMkLst>
        </pc:spChg>
        <pc:spChg chg="mod">
          <ac:chgData name="Matias Vázquez Piñón" userId="2f86a967-3c9c-4a39-b538-7e6c0574d83d" providerId="ADAL" clId="{B0EC83BE-3AC5-42EC-8408-8B0ACB640EA4}" dt="2022-07-27T20:24:02.715" v="7730" actId="2711"/>
          <ac:spMkLst>
            <pc:docMk/>
            <pc:sldMk cId="3547474209" sldId="518"/>
            <ac:spMk id="33" creationId="{6B7DFB32-690C-4006-8D02-49D906453384}"/>
          </ac:spMkLst>
        </pc:spChg>
        <pc:grpChg chg="mod">
          <ac:chgData name="Matias Vázquez Piñón" userId="2f86a967-3c9c-4a39-b538-7e6c0574d83d" providerId="ADAL" clId="{B0EC83BE-3AC5-42EC-8408-8B0ACB640EA4}" dt="2022-07-27T20:24:02.715" v="7730" actId="2711"/>
          <ac:grpSpMkLst>
            <pc:docMk/>
            <pc:sldMk cId="3547474209" sldId="518"/>
            <ac:grpSpMk id="22" creationId="{A3A7B9EE-1B9D-407E-A757-DAB7B90DE340}"/>
          </ac:grpSpMkLst>
        </pc:grpChg>
        <pc:picChg chg="mod">
          <ac:chgData name="Matias Vázquez Piñón" userId="2f86a967-3c9c-4a39-b538-7e6c0574d83d" providerId="ADAL" clId="{B0EC83BE-3AC5-42EC-8408-8B0ACB640EA4}" dt="2022-07-27T20:24:02.715" v="7730" actId="2711"/>
          <ac:picMkLst>
            <pc:docMk/>
            <pc:sldMk cId="3547474209" sldId="518"/>
            <ac:picMk id="12" creationId="{CA4D2470-B58B-451F-B844-3112B514FB1E}"/>
          </ac:picMkLst>
        </pc:picChg>
        <pc:picChg chg="mod">
          <ac:chgData name="Matias Vázquez Piñón" userId="2f86a967-3c9c-4a39-b538-7e6c0574d83d" providerId="ADAL" clId="{B0EC83BE-3AC5-42EC-8408-8B0ACB640EA4}" dt="2022-07-27T20:24:02.715" v="7730" actId="2711"/>
          <ac:picMkLst>
            <pc:docMk/>
            <pc:sldMk cId="3547474209" sldId="518"/>
            <ac:picMk id="14" creationId="{C8D0D947-293B-4603-ACC9-1281A63851B5}"/>
          </ac:picMkLst>
        </pc:picChg>
        <pc:picChg chg="mod">
          <ac:chgData name="Matias Vázquez Piñón" userId="2f86a967-3c9c-4a39-b538-7e6c0574d83d" providerId="ADAL" clId="{B0EC83BE-3AC5-42EC-8408-8B0ACB640EA4}" dt="2022-07-27T20:24:02.715" v="7730" actId="2711"/>
          <ac:picMkLst>
            <pc:docMk/>
            <pc:sldMk cId="3547474209" sldId="518"/>
            <ac:picMk id="24" creationId="{BCFBFF97-EA01-425E-8D5F-1931C7313169}"/>
          </ac:picMkLst>
        </pc:picChg>
        <pc:picChg chg="mod">
          <ac:chgData name="Matias Vázquez Piñón" userId="2f86a967-3c9c-4a39-b538-7e6c0574d83d" providerId="ADAL" clId="{B0EC83BE-3AC5-42EC-8408-8B0ACB640EA4}" dt="2022-07-27T20:24:02.715" v="7730" actId="2711"/>
          <ac:picMkLst>
            <pc:docMk/>
            <pc:sldMk cId="3547474209" sldId="518"/>
            <ac:picMk id="35" creationId="{F462F344-4B39-417D-B137-ACCD377314BB}"/>
          </ac:picMkLst>
        </pc:picChg>
        <pc:cxnChg chg="mod">
          <ac:chgData name="Matias Vázquez Piñón" userId="2f86a967-3c9c-4a39-b538-7e6c0574d83d" providerId="ADAL" clId="{B0EC83BE-3AC5-42EC-8408-8B0ACB640EA4}" dt="2022-07-27T20:24:02.715" v="7730" actId="2711"/>
          <ac:cxnSpMkLst>
            <pc:docMk/>
            <pc:sldMk cId="3547474209" sldId="518"/>
            <ac:cxnSpMk id="21" creationId="{AF612BAA-BFB9-4563-9FF7-B5F88BE18F00}"/>
          </ac:cxnSpMkLst>
        </pc:cxnChg>
        <pc:cxnChg chg="mod">
          <ac:chgData name="Matias Vázquez Piñón" userId="2f86a967-3c9c-4a39-b538-7e6c0574d83d" providerId="ADAL" clId="{B0EC83BE-3AC5-42EC-8408-8B0ACB640EA4}" dt="2022-07-27T20:24:02.715" v="7730" actId="2711"/>
          <ac:cxnSpMkLst>
            <pc:docMk/>
            <pc:sldMk cId="3547474209" sldId="518"/>
            <ac:cxnSpMk id="27" creationId="{1F893D87-A6B2-4206-BECB-7495EE36F386}"/>
          </ac:cxnSpMkLst>
        </pc:cxnChg>
        <pc:cxnChg chg="mod">
          <ac:chgData name="Matias Vázquez Piñón" userId="2f86a967-3c9c-4a39-b538-7e6c0574d83d" providerId="ADAL" clId="{B0EC83BE-3AC5-42EC-8408-8B0ACB640EA4}" dt="2022-07-27T20:24:02.715" v="7730" actId="2711"/>
          <ac:cxnSpMkLst>
            <pc:docMk/>
            <pc:sldMk cId="3547474209" sldId="518"/>
            <ac:cxnSpMk id="34" creationId="{9282786D-028C-447B-91EF-D16F4A10B70B}"/>
          </ac:cxnSpMkLst>
        </pc:cxnChg>
      </pc:sldChg>
      <pc:sldChg chg="modSp mod">
        <pc:chgData name="Matias Vázquez Piñón" userId="2f86a967-3c9c-4a39-b538-7e6c0574d83d" providerId="ADAL" clId="{B0EC83BE-3AC5-42EC-8408-8B0ACB640EA4}" dt="2022-07-27T20:35:19.654" v="7965" actId="404"/>
        <pc:sldMkLst>
          <pc:docMk/>
          <pc:sldMk cId="807130382" sldId="519"/>
        </pc:sldMkLst>
        <pc:spChg chg="mod">
          <ac:chgData name="Matias Vázquez Piñón" userId="2f86a967-3c9c-4a39-b538-7e6c0574d83d" providerId="ADAL" clId="{B0EC83BE-3AC5-42EC-8408-8B0ACB640EA4}" dt="2022-07-27T20:24:09.258" v="7731" actId="2711"/>
          <ac:spMkLst>
            <pc:docMk/>
            <pc:sldMk cId="807130382" sldId="519"/>
            <ac:spMk id="4" creationId="{53FAF46C-4190-4BD7-975F-7FF0320B5A84}"/>
          </ac:spMkLst>
        </pc:spChg>
        <pc:spChg chg="mod">
          <ac:chgData name="Matias Vázquez Piñón" userId="2f86a967-3c9c-4a39-b538-7e6c0574d83d" providerId="ADAL" clId="{B0EC83BE-3AC5-42EC-8408-8B0ACB640EA4}" dt="2022-07-27T20:24:09.258" v="7731" actId="2711"/>
          <ac:spMkLst>
            <pc:docMk/>
            <pc:sldMk cId="807130382" sldId="519"/>
            <ac:spMk id="5" creationId="{37D6C27F-1509-4A73-A0BE-401238589232}"/>
          </ac:spMkLst>
        </pc:spChg>
        <pc:spChg chg="mod">
          <ac:chgData name="Matias Vázquez Piñón" userId="2f86a967-3c9c-4a39-b538-7e6c0574d83d" providerId="ADAL" clId="{B0EC83BE-3AC5-42EC-8408-8B0ACB640EA4}" dt="2022-07-27T20:24:09.258" v="7731" actId="2711"/>
          <ac:spMkLst>
            <pc:docMk/>
            <pc:sldMk cId="807130382" sldId="519"/>
            <ac:spMk id="9" creationId="{81B5BD22-899D-414E-88E0-CA6E0F329131}"/>
          </ac:spMkLst>
        </pc:spChg>
        <pc:spChg chg="mod">
          <ac:chgData name="Matias Vázquez Piñón" userId="2f86a967-3c9c-4a39-b538-7e6c0574d83d" providerId="ADAL" clId="{B0EC83BE-3AC5-42EC-8408-8B0ACB640EA4}" dt="2022-07-27T20:34:28.507" v="7952" actId="1076"/>
          <ac:spMkLst>
            <pc:docMk/>
            <pc:sldMk cId="807130382" sldId="519"/>
            <ac:spMk id="10" creationId="{8C7B712F-7A52-4151-A701-EF0707899A16}"/>
          </ac:spMkLst>
        </pc:spChg>
        <pc:spChg chg="mod">
          <ac:chgData name="Matias Vázquez Piñón" userId="2f86a967-3c9c-4a39-b538-7e6c0574d83d" providerId="ADAL" clId="{B0EC83BE-3AC5-42EC-8408-8B0ACB640EA4}" dt="2022-07-27T20:24:09.258" v="7731" actId="2711"/>
          <ac:spMkLst>
            <pc:docMk/>
            <pc:sldMk cId="807130382" sldId="519"/>
            <ac:spMk id="15" creationId="{9CECADE0-8F9A-465F-B179-E7F4EBDD5876}"/>
          </ac:spMkLst>
        </pc:spChg>
        <pc:spChg chg="mod">
          <ac:chgData name="Matias Vázquez Piñón" userId="2f86a967-3c9c-4a39-b538-7e6c0574d83d" providerId="ADAL" clId="{B0EC83BE-3AC5-42EC-8408-8B0ACB640EA4}" dt="2022-07-27T20:24:09.258" v="7731" actId="2711"/>
          <ac:spMkLst>
            <pc:docMk/>
            <pc:sldMk cId="807130382" sldId="519"/>
            <ac:spMk id="17" creationId="{0E7ECAD1-DD9B-42A4-B834-EB7398D81F00}"/>
          </ac:spMkLst>
        </pc:spChg>
        <pc:spChg chg="mod">
          <ac:chgData name="Matias Vázquez Piñón" userId="2f86a967-3c9c-4a39-b538-7e6c0574d83d" providerId="ADAL" clId="{B0EC83BE-3AC5-42EC-8408-8B0ACB640EA4}" dt="2022-07-27T20:34:39.322" v="7957" actId="1076"/>
          <ac:spMkLst>
            <pc:docMk/>
            <pc:sldMk cId="807130382" sldId="519"/>
            <ac:spMk id="18" creationId="{8F6B261C-C69D-4E79-A600-63E85E2F5284}"/>
          </ac:spMkLst>
        </pc:spChg>
        <pc:spChg chg="mod">
          <ac:chgData name="Matias Vázquez Piñón" userId="2f86a967-3c9c-4a39-b538-7e6c0574d83d" providerId="ADAL" clId="{B0EC83BE-3AC5-42EC-8408-8B0ACB640EA4}" dt="2022-07-27T20:24:09.258" v="7731" actId="2711"/>
          <ac:spMkLst>
            <pc:docMk/>
            <pc:sldMk cId="807130382" sldId="519"/>
            <ac:spMk id="26" creationId="{5DBE005D-AD26-47A0-ADFF-87271B3F351D}"/>
          </ac:spMkLst>
        </pc:spChg>
        <pc:spChg chg="mod">
          <ac:chgData name="Matias Vázquez Piñón" userId="2f86a967-3c9c-4a39-b538-7e6c0574d83d" providerId="ADAL" clId="{B0EC83BE-3AC5-42EC-8408-8B0ACB640EA4}" dt="2022-07-27T20:24:09.258" v="7731" actId="2711"/>
          <ac:spMkLst>
            <pc:docMk/>
            <pc:sldMk cId="807130382" sldId="519"/>
            <ac:spMk id="28" creationId="{7E199668-9BCB-4803-B156-8A7C76EDA5EA}"/>
          </ac:spMkLst>
        </pc:spChg>
        <pc:spChg chg="mod">
          <ac:chgData name="Matias Vázquez Piñón" userId="2f86a967-3c9c-4a39-b538-7e6c0574d83d" providerId="ADAL" clId="{B0EC83BE-3AC5-42EC-8408-8B0ACB640EA4}" dt="2022-07-27T20:35:00.017" v="7961" actId="120"/>
          <ac:spMkLst>
            <pc:docMk/>
            <pc:sldMk cId="807130382" sldId="519"/>
            <ac:spMk id="29" creationId="{AE087AD3-268E-4447-932C-F1BF77879F35}"/>
          </ac:spMkLst>
        </pc:spChg>
        <pc:spChg chg="mod">
          <ac:chgData name="Matias Vázquez Piñón" userId="2f86a967-3c9c-4a39-b538-7e6c0574d83d" providerId="ADAL" clId="{B0EC83BE-3AC5-42EC-8408-8B0ACB640EA4}" dt="2022-07-27T20:24:09.258" v="7731" actId="2711"/>
          <ac:spMkLst>
            <pc:docMk/>
            <pc:sldMk cId="807130382" sldId="519"/>
            <ac:spMk id="31" creationId="{E13C1A53-3F1B-4EF8-BA37-08E6F589F097}"/>
          </ac:spMkLst>
        </pc:spChg>
        <pc:spChg chg="mod">
          <ac:chgData name="Matias Vázquez Piñón" userId="2f86a967-3c9c-4a39-b538-7e6c0574d83d" providerId="ADAL" clId="{B0EC83BE-3AC5-42EC-8408-8B0ACB640EA4}" dt="2022-07-27T20:35:19.654" v="7965" actId="404"/>
          <ac:spMkLst>
            <pc:docMk/>
            <pc:sldMk cId="807130382" sldId="519"/>
            <ac:spMk id="32" creationId="{83D34A5C-8BC9-4F59-BF90-E00796AAB20A}"/>
          </ac:spMkLst>
        </pc:spChg>
        <pc:spChg chg="mod">
          <ac:chgData name="Matias Vázquez Piñón" userId="2f86a967-3c9c-4a39-b538-7e6c0574d83d" providerId="ADAL" clId="{B0EC83BE-3AC5-42EC-8408-8B0ACB640EA4}" dt="2022-07-27T20:24:09.258" v="7731" actId="2711"/>
          <ac:spMkLst>
            <pc:docMk/>
            <pc:sldMk cId="807130382" sldId="519"/>
            <ac:spMk id="33" creationId="{6B7DFB32-690C-4006-8D02-49D906453384}"/>
          </ac:spMkLst>
        </pc:spChg>
        <pc:grpChg chg="mod">
          <ac:chgData name="Matias Vázquez Piñón" userId="2f86a967-3c9c-4a39-b538-7e6c0574d83d" providerId="ADAL" clId="{B0EC83BE-3AC5-42EC-8408-8B0ACB640EA4}" dt="2022-07-27T20:24:09.258" v="7731" actId="2711"/>
          <ac:grpSpMkLst>
            <pc:docMk/>
            <pc:sldMk cId="807130382" sldId="519"/>
            <ac:grpSpMk id="22" creationId="{A3A7B9EE-1B9D-407E-A757-DAB7B90DE340}"/>
          </ac:grpSpMkLst>
        </pc:grpChg>
        <pc:picChg chg="mod">
          <ac:chgData name="Matias Vázquez Piñón" userId="2f86a967-3c9c-4a39-b538-7e6c0574d83d" providerId="ADAL" clId="{B0EC83BE-3AC5-42EC-8408-8B0ACB640EA4}" dt="2022-07-27T20:24:09.258" v="7731" actId="2711"/>
          <ac:picMkLst>
            <pc:docMk/>
            <pc:sldMk cId="807130382" sldId="519"/>
            <ac:picMk id="12" creationId="{CA4D2470-B58B-451F-B844-3112B514FB1E}"/>
          </ac:picMkLst>
        </pc:picChg>
        <pc:picChg chg="mod">
          <ac:chgData name="Matias Vázquez Piñón" userId="2f86a967-3c9c-4a39-b538-7e6c0574d83d" providerId="ADAL" clId="{B0EC83BE-3AC5-42EC-8408-8B0ACB640EA4}" dt="2022-07-27T20:24:09.258" v="7731" actId="2711"/>
          <ac:picMkLst>
            <pc:docMk/>
            <pc:sldMk cId="807130382" sldId="519"/>
            <ac:picMk id="14" creationId="{C8D0D947-293B-4603-ACC9-1281A63851B5}"/>
          </ac:picMkLst>
        </pc:picChg>
        <pc:picChg chg="mod">
          <ac:chgData name="Matias Vázquez Piñón" userId="2f86a967-3c9c-4a39-b538-7e6c0574d83d" providerId="ADAL" clId="{B0EC83BE-3AC5-42EC-8408-8B0ACB640EA4}" dt="2022-07-27T20:24:09.258" v="7731" actId="2711"/>
          <ac:picMkLst>
            <pc:docMk/>
            <pc:sldMk cId="807130382" sldId="519"/>
            <ac:picMk id="24" creationId="{BCFBFF97-EA01-425E-8D5F-1931C7313169}"/>
          </ac:picMkLst>
        </pc:picChg>
        <pc:picChg chg="mod">
          <ac:chgData name="Matias Vázquez Piñón" userId="2f86a967-3c9c-4a39-b538-7e6c0574d83d" providerId="ADAL" clId="{B0EC83BE-3AC5-42EC-8408-8B0ACB640EA4}" dt="2022-07-27T20:24:09.258" v="7731" actId="2711"/>
          <ac:picMkLst>
            <pc:docMk/>
            <pc:sldMk cId="807130382" sldId="519"/>
            <ac:picMk id="35" creationId="{F462F344-4B39-417D-B137-ACCD377314BB}"/>
          </ac:picMkLst>
        </pc:picChg>
        <pc:cxnChg chg="mod">
          <ac:chgData name="Matias Vázquez Piñón" userId="2f86a967-3c9c-4a39-b538-7e6c0574d83d" providerId="ADAL" clId="{B0EC83BE-3AC5-42EC-8408-8B0ACB640EA4}" dt="2022-07-27T20:24:09.258" v="7731" actId="2711"/>
          <ac:cxnSpMkLst>
            <pc:docMk/>
            <pc:sldMk cId="807130382" sldId="519"/>
            <ac:cxnSpMk id="21" creationId="{AF612BAA-BFB9-4563-9FF7-B5F88BE18F00}"/>
          </ac:cxnSpMkLst>
        </pc:cxnChg>
        <pc:cxnChg chg="mod">
          <ac:chgData name="Matias Vázquez Piñón" userId="2f86a967-3c9c-4a39-b538-7e6c0574d83d" providerId="ADAL" clId="{B0EC83BE-3AC5-42EC-8408-8B0ACB640EA4}" dt="2022-07-27T20:24:09.258" v="7731" actId="2711"/>
          <ac:cxnSpMkLst>
            <pc:docMk/>
            <pc:sldMk cId="807130382" sldId="519"/>
            <ac:cxnSpMk id="27" creationId="{1F893D87-A6B2-4206-BECB-7495EE36F386}"/>
          </ac:cxnSpMkLst>
        </pc:cxnChg>
        <pc:cxnChg chg="mod">
          <ac:chgData name="Matias Vázquez Piñón" userId="2f86a967-3c9c-4a39-b538-7e6c0574d83d" providerId="ADAL" clId="{B0EC83BE-3AC5-42EC-8408-8B0ACB640EA4}" dt="2022-07-27T20:24:09.258" v="7731" actId="2711"/>
          <ac:cxnSpMkLst>
            <pc:docMk/>
            <pc:sldMk cId="807130382" sldId="519"/>
            <ac:cxnSpMk id="34" creationId="{9282786D-028C-447B-91EF-D16F4A10B70B}"/>
          </ac:cxnSpMkLst>
        </pc:cxnChg>
      </pc:sldChg>
      <pc:sldChg chg="addSp delSp modSp mod modClrScheme chgLayout">
        <pc:chgData name="Matias Vázquez Piñón" userId="2f86a967-3c9c-4a39-b538-7e6c0574d83d" providerId="ADAL" clId="{B0EC83BE-3AC5-42EC-8408-8B0ACB640EA4}" dt="2022-08-12T19:23:43.107" v="17916"/>
        <pc:sldMkLst>
          <pc:docMk/>
          <pc:sldMk cId="3491148166" sldId="520"/>
        </pc:sldMkLst>
        <pc:spChg chg="del">
          <ac:chgData name="Matias Vázquez Piñón" userId="2f86a967-3c9c-4a39-b538-7e6c0574d83d" providerId="ADAL" clId="{B0EC83BE-3AC5-42EC-8408-8B0ACB640EA4}" dt="2022-07-27T21:25:32.404" v="8997" actId="478"/>
          <ac:spMkLst>
            <pc:docMk/>
            <pc:sldMk cId="3491148166" sldId="520"/>
            <ac:spMk id="2" creationId="{7D217949-06DF-41FB-92B3-0ADA2BE13F2D}"/>
          </ac:spMkLst>
        </pc:spChg>
        <pc:spChg chg="del">
          <ac:chgData name="Matias Vázquez Piñón" userId="2f86a967-3c9c-4a39-b538-7e6c0574d83d" providerId="ADAL" clId="{B0EC83BE-3AC5-42EC-8408-8B0ACB640EA4}" dt="2022-08-12T19:23:43.107" v="17916"/>
          <ac:spMkLst>
            <pc:docMk/>
            <pc:sldMk cId="3491148166" sldId="520"/>
            <ac:spMk id="2" creationId="{DEEF14A8-F09D-48C6-B23B-99D380BFC78F}"/>
          </ac:spMkLst>
        </pc:spChg>
        <pc:spChg chg="mod ord">
          <ac:chgData name="Matias Vázquez Piñón" userId="2f86a967-3c9c-4a39-b538-7e6c0574d83d" providerId="ADAL" clId="{B0EC83BE-3AC5-42EC-8408-8B0ACB640EA4}" dt="2022-07-27T19:37:48.184" v="7038" actId="700"/>
          <ac:spMkLst>
            <pc:docMk/>
            <pc:sldMk cId="3491148166" sldId="520"/>
            <ac:spMk id="5" creationId="{E214820B-3200-47B3-8466-655D07C1A3C2}"/>
          </ac:spMkLst>
        </pc:spChg>
        <pc:spChg chg="add del mod ord">
          <ac:chgData name="Matias Vázquez Piñón" userId="2f86a967-3c9c-4a39-b538-7e6c0574d83d" providerId="ADAL" clId="{B0EC83BE-3AC5-42EC-8408-8B0ACB640EA4}" dt="2022-07-27T19:38:06.202" v="7040"/>
          <ac:spMkLst>
            <pc:docMk/>
            <pc:sldMk cId="3491148166" sldId="520"/>
            <ac:spMk id="6" creationId="{909777A0-A8F8-9CDF-D581-CCD5E3428117}"/>
          </ac:spMkLst>
        </pc:spChg>
        <pc:spChg chg="add del mod ord">
          <ac:chgData name="Matias Vázquez Piñón" userId="2f86a967-3c9c-4a39-b538-7e6c0574d83d" providerId="ADAL" clId="{B0EC83BE-3AC5-42EC-8408-8B0ACB640EA4}" dt="2022-07-27T19:38:10.310" v="7042"/>
          <ac:spMkLst>
            <pc:docMk/>
            <pc:sldMk cId="3491148166" sldId="520"/>
            <ac:spMk id="8" creationId="{D6D493E8-B76E-6531-D5AC-F563079799E4}"/>
          </ac:spMkLst>
        </pc:spChg>
        <pc:spChg chg="add mod">
          <ac:chgData name="Matias Vázquez Piñón" userId="2f86a967-3c9c-4a39-b538-7e6c0574d83d" providerId="ADAL" clId="{B0EC83BE-3AC5-42EC-8408-8B0ACB640EA4}" dt="2022-07-27T21:26:51.422" v="9010" actId="1076"/>
          <ac:spMkLst>
            <pc:docMk/>
            <pc:sldMk cId="3491148166" sldId="520"/>
            <ac:spMk id="14" creationId="{6CB519D5-2B17-CDA3-68AB-D0C9F3C2D5D0}"/>
          </ac:spMkLst>
        </pc:spChg>
        <pc:picChg chg="del">
          <ac:chgData name="Matias Vázquez Piñón" userId="2f86a967-3c9c-4a39-b538-7e6c0574d83d" providerId="ADAL" clId="{B0EC83BE-3AC5-42EC-8408-8B0ACB640EA4}" dt="2022-07-27T19:38:08.906" v="7041" actId="21"/>
          <ac:picMkLst>
            <pc:docMk/>
            <pc:sldMk cId="3491148166" sldId="520"/>
            <ac:picMk id="3" creationId="{FC3D323B-8BFD-4DC7-8E32-E566EF25D8F4}"/>
          </ac:picMkLst>
        </pc:picChg>
        <pc:picChg chg="add mod">
          <ac:chgData name="Matias Vázquez Piñón" userId="2f86a967-3c9c-4a39-b538-7e6c0574d83d" providerId="ADAL" clId="{B0EC83BE-3AC5-42EC-8408-8B0ACB640EA4}" dt="2022-07-27T21:25:42.048" v="8998" actId="1076"/>
          <ac:picMkLst>
            <pc:docMk/>
            <pc:sldMk cId="3491148166" sldId="520"/>
            <ac:picMk id="10" creationId="{C2357686-4493-BD14-8482-7B47BA575A49}"/>
          </ac:picMkLst>
        </pc:picChg>
        <pc:picChg chg="add mod">
          <ac:chgData name="Matias Vázquez Piñón" userId="2f86a967-3c9c-4a39-b538-7e6c0574d83d" providerId="ADAL" clId="{B0EC83BE-3AC5-42EC-8408-8B0ACB640EA4}" dt="2022-07-27T21:25:42.048" v="8998" actId="1076"/>
          <ac:picMkLst>
            <pc:docMk/>
            <pc:sldMk cId="3491148166" sldId="520"/>
            <ac:picMk id="11" creationId="{89E37B40-3440-2EC8-159F-B7E28B9A56CC}"/>
          </ac:picMkLst>
        </pc:picChg>
        <pc:picChg chg="add mod">
          <ac:chgData name="Matias Vázquez Piñón" userId="2f86a967-3c9c-4a39-b538-7e6c0574d83d" providerId="ADAL" clId="{B0EC83BE-3AC5-42EC-8408-8B0ACB640EA4}" dt="2022-07-27T21:26:27.121" v="9007" actId="1076"/>
          <ac:picMkLst>
            <pc:docMk/>
            <pc:sldMk cId="3491148166" sldId="520"/>
            <ac:picMk id="12" creationId="{94D51F34-8876-793B-ADFC-F1E1899260DC}"/>
          </ac:picMkLst>
        </pc:picChg>
        <pc:picChg chg="del">
          <ac:chgData name="Matias Vázquez Piñón" userId="2f86a967-3c9c-4a39-b538-7e6c0574d83d" providerId="ADAL" clId="{B0EC83BE-3AC5-42EC-8408-8B0ACB640EA4}" dt="2022-07-27T19:38:04.107" v="7039" actId="21"/>
          <ac:picMkLst>
            <pc:docMk/>
            <pc:sldMk cId="3491148166" sldId="520"/>
            <ac:picMk id="2050" creationId="{BBF830B3-9E94-4D87-AAFF-FDEB565E80FB}"/>
          </ac:picMkLst>
        </pc:picChg>
      </pc:sldChg>
      <pc:sldChg chg="modSp del">
        <pc:chgData name="Matias Vázquez Piñón" userId="2f86a967-3c9c-4a39-b538-7e6c0574d83d" providerId="ADAL" clId="{B0EC83BE-3AC5-42EC-8408-8B0ACB640EA4}" dt="2022-07-27T21:25:26.653" v="8996" actId="47"/>
        <pc:sldMkLst>
          <pc:docMk/>
          <pc:sldMk cId="2510132433" sldId="521"/>
        </pc:sldMkLst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2510132433" sldId="521"/>
            <ac:spMk id="2" creationId="{94B04B1C-C421-491A-8879-5413830AE237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2510132433" sldId="521"/>
            <ac:spMk id="4" creationId="{321AE440-EBC5-4D00-97DF-216FC52A238E}"/>
          </ac:spMkLst>
        </pc:spChg>
      </pc:sldChg>
      <pc:sldChg chg="addSp delSp modSp del">
        <pc:chgData name="Matias Vázquez Piñón" userId="2f86a967-3c9c-4a39-b538-7e6c0574d83d" providerId="ADAL" clId="{B0EC83BE-3AC5-42EC-8408-8B0ACB640EA4}" dt="2022-07-27T21:26:54.074" v="9011" actId="47"/>
        <pc:sldMkLst>
          <pc:docMk/>
          <pc:sldMk cId="1195464795" sldId="522"/>
        </pc:sldMkLst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1195464795" sldId="522"/>
            <ac:spMk id="4" creationId="{6A6E0C5B-F209-448C-ABAC-A87DB627056E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1195464795" sldId="522"/>
            <ac:spMk id="6" creationId="{A97ADC90-1CB1-471B-A099-149FFE3458CB}"/>
          </ac:spMkLst>
        </pc:spChg>
        <pc:picChg chg="add del">
          <ac:chgData name="Matias Vázquez Piñón" userId="2f86a967-3c9c-4a39-b538-7e6c0574d83d" providerId="ADAL" clId="{B0EC83BE-3AC5-42EC-8408-8B0ACB640EA4}" dt="2022-07-27T21:26:06.941" v="9003" actId="21"/>
          <ac:picMkLst>
            <pc:docMk/>
            <pc:sldMk cId="1195464795" sldId="522"/>
            <ac:picMk id="1028" creationId="{CE3EF8B0-74DD-46ED-955C-082444211DC3}"/>
          </ac:picMkLst>
        </pc:picChg>
      </pc:sldChg>
      <pc:sldChg chg="addSp delSp modSp del mod modShow">
        <pc:chgData name="Matias Vázquez Piñón" userId="2f86a967-3c9c-4a39-b538-7e6c0574d83d" providerId="ADAL" clId="{B0EC83BE-3AC5-42EC-8408-8B0ACB640EA4}" dt="2022-07-27T21:26:55.415" v="9012" actId="47"/>
        <pc:sldMkLst>
          <pc:docMk/>
          <pc:sldMk cId="1934191483" sldId="523"/>
        </pc:sldMkLst>
        <pc:spChg chg="add mod">
          <ac:chgData name="Matias Vázquez Piñón" userId="2f86a967-3c9c-4a39-b538-7e6c0574d83d" providerId="ADAL" clId="{B0EC83BE-3AC5-42EC-8408-8B0ACB640EA4}" dt="2022-07-27T21:25:05.996" v="8995" actId="478"/>
          <ac:spMkLst>
            <pc:docMk/>
            <pc:sldMk cId="1934191483" sldId="523"/>
            <ac:spMk id="2" creationId="{485977F8-786E-B746-8EFC-4B811309D2CB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1934191483" sldId="523"/>
            <ac:spMk id="3" creationId="{2F27EAA3-E831-027C-4B82-199663231BC4}"/>
          </ac:spMkLst>
        </pc:spChg>
        <pc:spChg chg="mo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1934191483" sldId="523"/>
            <ac:spMk id="4" creationId="{E3D0A5DA-4082-4F79-82C7-8422FDA6CEE5}"/>
          </ac:spMkLst>
        </pc:spChg>
        <pc:picChg chg="del mod">
          <ac:chgData name="Matias Vázquez Piñón" userId="2f86a967-3c9c-4a39-b538-7e6c0574d83d" providerId="ADAL" clId="{B0EC83BE-3AC5-42EC-8408-8B0ACB640EA4}" dt="2022-07-27T21:25:05.996" v="8995" actId="478"/>
          <ac:picMkLst>
            <pc:docMk/>
            <pc:sldMk cId="1934191483" sldId="523"/>
            <ac:picMk id="8" creationId="{F3AE1CC0-0BD5-BC8C-E433-42FDC471ECD6}"/>
          </ac:picMkLst>
        </pc:picChg>
      </pc:sldChg>
      <pc:sldChg chg="addSp delSp modSp new del mod modClrScheme chgLayout">
        <pc:chgData name="Matias Vázquez Piñón" userId="2f86a967-3c9c-4a39-b538-7e6c0574d83d" providerId="ADAL" clId="{B0EC83BE-3AC5-42EC-8408-8B0ACB640EA4}" dt="2022-07-17T14:55:25.744" v="4382" actId="47"/>
        <pc:sldMkLst>
          <pc:docMk/>
          <pc:sldMk cId="2693072757" sldId="524"/>
        </pc:sldMkLst>
        <pc:spChg chg="mod ord">
          <ac:chgData name="Matias Vázquez Piñón" userId="2f86a967-3c9c-4a39-b538-7e6c0574d83d" providerId="ADAL" clId="{B0EC83BE-3AC5-42EC-8408-8B0ACB640EA4}" dt="2022-07-17T09:02:57.200" v="1126"/>
          <ac:spMkLst>
            <pc:docMk/>
            <pc:sldMk cId="2693072757" sldId="524"/>
            <ac:spMk id="2" creationId="{30C2C316-D993-94DF-F108-DA92EA7E288C}"/>
          </ac:spMkLst>
        </pc:spChg>
        <pc:spChg chg="del mod ord">
          <ac:chgData name="Matias Vázquez Piñón" userId="2f86a967-3c9c-4a39-b538-7e6c0574d83d" providerId="ADAL" clId="{B0EC83BE-3AC5-42EC-8408-8B0ACB640EA4}" dt="2022-07-17T08:40:13.364" v="749" actId="478"/>
          <ac:spMkLst>
            <pc:docMk/>
            <pc:sldMk cId="2693072757" sldId="524"/>
            <ac:spMk id="3" creationId="{816EFC79-755D-65F5-993A-81F079B11C56}"/>
          </ac:spMkLst>
        </pc:spChg>
        <pc:spChg chg="mod ord">
          <ac:chgData name="Matias Vázquez Piñón" userId="2f86a967-3c9c-4a39-b538-7e6c0574d83d" providerId="ADAL" clId="{B0EC83BE-3AC5-42EC-8408-8B0ACB640EA4}" dt="2022-07-16T19:27:17.226" v="730"/>
          <ac:spMkLst>
            <pc:docMk/>
            <pc:sldMk cId="2693072757" sldId="524"/>
            <ac:spMk id="4" creationId="{F113D75D-DE56-75EE-E25F-FC66EFF45B34}"/>
          </ac:spMkLst>
        </pc:spChg>
        <pc:spChg chg="add mod ord">
          <ac:chgData name="Matias Vázquez Piñón" userId="2f86a967-3c9c-4a39-b538-7e6c0574d83d" providerId="ADAL" clId="{B0EC83BE-3AC5-42EC-8408-8B0ACB640EA4}" dt="2022-07-17T09:25:47.720" v="1726" actId="20577"/>
          <ac:spMkLst>
            <pc:docMk/>
            <pc:sldMk cId="2693072757" sldId="524"/>
            <ac:spMk id="5" creationId="{A6FB54A2-5553-EA3F-65F4-FDC50F20C0D1}"/>
          </ac:spMkLst>
        </pc:spChg>
        <pc:picChg chg="add del mod">
          <ac:chgData name="Matias Vázquez Piñón" userId="2f86a967-3c9c-4a39-b538-7e6c0574d83d" providerId="ADAL" clId="{B0EC83BE-3AC5-42EC-8408-8B0ACB640EA4}" dt="2022-07-17T09:03:09.288" v="1130" actId="478"/>
          <ac:picMkLst>
            <pc:docMk/>
            <pc:sldMk cId="2693072757" sldId="524"/>
            <ac:picMk id="1026" creationId="{32612927-AEEC-9DEE-2187-7751BE36823B}"/>
          </ac:picMkLst>
        </pc:picChg>
        <pc:picChg chg="add del mod">
          <ac:chgData name="Matias Vázquez Piñón" userId="2f86a967-3c9c-4a39-b538-7e6c0574d83d" providerId="ADAL" clId="{B0EC83BE-3AC5-42EC-8408-8B0ACB640EA4}" dt="2022-07-17T09:06:57.552" v="1152" actId="478"/>
          <ac:picMkLst>
            <pc:docMk/>
            <pc:sldMk cId="2693072757" sldId="524"/>
            <ac:picMk id="1028" creationId="{28176294-0F56-AB3D-B59B-DEDD435E50D7}"/>
          </ac:picMkLst>
        </pc:picChg>
        <pc:picChg chg="add del mod">
          <ac:chgData name="Matias Vázquez Piñón" userId="2f86a967-3c9c-4a39-b538-7e6c0574d83d" providerId="ADAL" clId="{B0EC83BE-3AC5-42EC-8408-8B0ACB640EA4}" dt="2022-07-17T14:38:38.609" v="4108" actId="21"/>
          <ac:picMkLst>
            <pc:docMk/>
            <pc:sldMk cId="2693072757" sldId="524"/>
            <ac:picMk id="1030" creationId="{0C427174-C555-DA61-0024-8681033F2227}"/>
          </ac:picMkLst>
        </pc:picChg>
      </pc:sldChg>
      <pc:sldChg chg="addSp delSp modSp new del mod modClrScheme chgLayout">
        <pc:chgData name="Matias Vázquez Piñón" userId="2f86a967-3c9c-4a39-b538-7e6c0574d83d" providerId="ADAL" clId="{B0EC83BE-3AC5-42EC-8408-8B0ACB640EA4}" dt="2022-07-17T13:16:13.644" v="2545" actId="47"/>
        <pc:sldMkLst>
          <pc:docMk/>
          <pc:sldMk cId="118800413" sldId="525"/>
        </pc:sldMkLst>
        <pc:spChg chg="del mod ord">
          <ac:chgData name="Matias Vázquez Piñón" userId="2f86a967-3c9c-4a39-b538-7e6c0574d83d" providerId="ADAL" clId="{B0EC83BE-3AC5-42EC-8408-8B0ACB640EA4}" dt="2022-07-17T12:36:31.604" v="1728" actId="700"/>
          <ac:spMkLst>
            <pc:docMk/>
            <pc:sldMk cId="118800413" sldId="525"/>
            <ac:spMk id="2" creationId="{169A6F82-9719-BBDE-1B58-0551C20AACDE}"/>
          </ac:spMkLst>
        </pc:spChg>
        <pc:spChg chg="del mod ord">
          <ac:chgData name="Matias Vázquez Piñón" userId="2f86a967-3c9c-4a39-b538-7e6c0574d83d" providerId="ADAL" clId="{B0EC83BE-3AC5-42EC-8408-8B0ACB640EA4}" dt="2022-07-17T12:36:31.604" v="1728" actId="700"/>
          <ac:spMkLst>
            <pc:docMk/>
            <pc:sldMk cId="118800413" sldId="525"/>
            <ac:spMk id="3" creationId="{42F1FF5C-C5DD-97D0-D98C-265EC402A609}"/>
          </ac:spMkLst>
        </pc:spChg>
        <pc:spChg chg="mod ord">
          <ac:chgData name="Matias Vázquez Piñón" userId="2f86a967-3c9c-4a39-b538-7e6c0574d83d" providerId="ADAL" clId="{B0EC83BE-3AC5-42EC-8408-8B0ACB640EA4}" dt="2022-07-17T12:39:52.600" v="1808" actId="700"/>
          <ac:spMkLst>
            <pc:docMk/>
            <pc:sldMk cId="118800413" sldId="525"/>
            <ac:spMk id="4" creationId="{2B3AFD40-7284-8C38-D56E-3CC14DE608F9}"/>
          </ac:spMkLst>
        </pc:spChg>
        <pc:spChg chg="add mod ord">
          <ac:chgData name="Matias Vázquez Piñón" userId="2f86a967-3c9c-4a39-b538-7e6c0574d83d" providerId="ADAL" clId="{B0EC83BE-3AC5-42EC-8408-8B0ACB640EA4}" dt="2022-07-17T12:39:52.600" v="1808" actId="700"/>
          <ac:spMkLst>
            <pc:docMk/>
            <pc:sldMk cId="118800413" sldId="525"/>
            <ac:spMk id="5" creationId="{71866EDC-6ABA-D3C5-A3E1-46348B94F3D0}"/>
          </ac:spMkLst>
        </pc:spChg>
        <pc:spChg chg="add del mod ord">
          <ac:chgData name="Matias Vázquez Piñón" userId="2f86a967-3c9c-4a39-b538-7e6c0574d83d" providerId="ADAL" clId="{B0EC83BE-3AC5-42EC-8408-8B0ACB640EA4}" dt="2022-07-17T12:39:52.600" v="1808" actId="700"/>
          <ac:spMkLst>
            <pc:docMk/>
            <pc:sldMk cId="118800413" sldId="525"/>
            <ac:spMk id="6" creationId="{9BD08BE4-7B78-6E11-B4A0-E6740B9C08DC}"/>
          </ac:spMkLst>
        </pc:spChg>
        <pc:spChg chg="add del mod ord">
          <ac:chgData name="Matias Vázquez Piñón" userId="2f86a967-3c9c-4a39-b538-7e6c0574d83d" providerId="ADAL" clId="{B0EC83BE-3AC5-42EC-8408-8B0ACB640EA4}" dt="2022-07-17T12:37:37.627" v="1789" actId="931"/>
          <ac:spMkLst>
            <pc:docMk/>
            <pc:sldMk cId="118800413" sldId="525"/>
            <ac:spMk id="7" creationId="{CD019CC9-B1B6-97BA-00AB-E0CFC2036685}"/>
          </ac:spMkLst>
        </pc:spChg>
        <pc:spChg chg="add del mod ord">
          <ac:chgData name="Matias Vázquez Piñón" userId="2f86a967-3c9c-4a39-b538-7e6c0574d83d" providerId="ADAL" clId="{B0EC83BE-3AC5-42EC-8408-8B0ACB640EA4}" dt="2022-07-17T12:39:52.600" v="1808" actId="700"/>
          <ac:spMkLst>
            <pc:docMk/>
            <pc:sldMk cId="118800413" sldId="525"/>
            <ac:spMk id="8" creationId="{9E696AF4-3040-FD0A-CFBF-4A3BD1061C6A}"/>
          </ac:spMkLst>
        </pc:spChg>
        <pc:spChg chg="add del mod">
          <ac:chgData name="Matias Vázquez Piñón" userId="2f86a967-3c9c-4a39-b538-7e6c0574d83d" providerId="ADAL" clId="{B0EC83BE-3AC5-42EC-8408-8B0ACB640EA4}" dt="2022-07-17T12:39:26.096" v="1804"/>
          <ac:spMkLst>
            <pc:docMk/>
            <pc:sldMk cId="118800413" sldId="525"/>
            <ac:spMk id="15" creationId="{3CB27EBA-0E67-171D-E466-92AFF40EE3F6}"/>
          </ac:spMkLst>
        </pc:spChg>
        <pc:spChg chg="add mod ord">
          <ac:chgData name="Matias Vázquez Piñón" userId="2f86a967-3c9c-4a39-b538-7e6c0574d83d" providerId="ADAL" clId="{B0EC83BE-3AC5-42EC-8408-8B0ACB640EA4}" dt="2022-07-17T13:10:44.109" v="2484" actId="21"/>
          <ac:spMkLst>
            <pc:docMk/>
            <pc:sldMk cId="118800413" sldId="525"/>
            <ac:spMk id="18" creationId="{8D8AA841-3D8F-D091-2527-50DC9E84200C}"/>
          </ac:spMkLst>
        </pc:spChg>
        <pc:spChg chg="add del mod">
          <ac:chgData name="Matias Vázquez Piñón" userId="2f86a967-3c9c-4a39-b538-7e6c0574d83d" providerId="ADAL" clId="{B0EC83BE-3AC5-42EC-8408-8B0ACB640EA4}" dt="2022-07-17T12:51:46.818" v="2068"/>
          <ac:spMkLst>
            <pc:docMk/>
            <pc:sldMk cId="118800413" sldId="525"/>
            <ac:spMk id="26" creationId="{3A7A0FC2-E587-1277-BFE3-61E1C0ADE40A}"/>
          </ac:spMkLst>
        </pc:spChg>
        <pc:spChg chg="add del mod">
          <ac:chgData name="Matias Vázquez Piñón" userId="2f86a967-3c9c-4a39-b538-7e6c0574d83d" providerId="ADAL" clId="{B0EC83BE-3AC5-42EC-8408-8B0ACB640EA4}" dt="2022-07-17T12:52:59.705" v="2075"/>
          <ac:spMkLst>
            <pc:docMk/>
            <pc:sldMk cId="118800413" sldId="525"/>
            <ac:spMk id="28" creationId="{967D141F-343E-3672-08CF-B1C98B46B88E}"/>
          </ac:spMkLst>
        </pc:spChg>
        <pc:spChg chg="add del mod">
          <ac:chgData name="Matias Vázquez Piñón" userId="2f86a967-3c9c-4a39-b538-7e6c0574d83d" providerId="ADAL" clId="{B0EC83BE-3AC5-42EC-8408-8B0ACB640EA4}" dt="2022-07-17T12:53:03.026" v="2079"/>
          <ac:spMkLst>
            <pc:docMk/>
            <pc:sldMk cId="118800413" sldId="525"/>
            <ac:spMk id="31" creationId="{2C4AC7E1-F5D0-0CBE-AA1C-7EACFE99ED55}"/>
          </ac:spMkLst>
        </pc:spChg>
        <pc:spChg chg="add del mod">
          <ac:chgData name="Matias Vázquez Piñón" userId="2f86a967-3c9c-4a39-b538-7e6c0574d83d" providerId="ADAL" clId="{B0EC83BE-3AC5-42EC-8408-8B0ACB640EA4}" dt="2022-07-17T13:09:21.130" v="2475" actId="21"/>
          <ac:spMkLst>
            <pc:docMk/>
            <pc:sldMk cId="118800413" sldId="525"/>
            <ac:spMk id="34" creationId="{3D769F14-790C-089A-550B-C8A7ED937630}"/>
          </ac:spMkLst>
        </pc:spChg>
        <pc:graphicFrameChg chg="add del modGraphic">
          <ac:chgData name="Matias Vázquez Piñón" userId="2f86a967-3c9c-4a39-b538-7e6c0574d83d" providerId="ADAL" clId="{B0EC83BE-3AC5-42EC-8408-8B0ACB640EA4}" dt="2022-07-17T12:55:17.721" v="2090" actId="1032"/>
          <ac:graphicFrameMkLst>
            <pc:docMk/>
            <pc:sldMk cId="118800413" sldId="525"/>
            <ac:graphicFrameMk id="33" creationId="{CCE63F91-D2E6-48BC-3AF8-9F4C5A3EB752}"/>
          </ac:graphicFrameMkLst>
        </pc:graphicFrameChg>
        <pc:picChg chg="add del mod">
          <ac:chgData name="Matias Vázquez Piñón" userId="2f86a967-3c9c-4a39-b538-7e6c0574d83d" providerId="ADAL" clId="{B0EC83BE-3AC5-42EC-8408-8B0ACB640EA4}" dt="2022-07-17T12:39:23.500" v="1803" actId="478"/>
          <ac:picMkLst>
            <pc:docMk/>
            <pc:sldMk cId="118800413" sldId="525"/>
            <ac:picMk id="10" creationId="{E464981D-D00A-2B99-1799-54707D0B0C10}"/>
          </ac:picMkLst>
        </pc:picChg>
        <pc:picChg chg="add del mod">
          <ac:chgData name="Matias Vázquez Piñón" userId="2f86a967-3c9c-4a39-b538-7e6c0574d83d" providerId="ADAL" clId="{B0EC83BE-3AC5-42EC-8408-8B0ACB640EA4}" dt="2022-07-17T12:38:32.087" v="1802"/>
          <ac:picMkLst>
            <pc:docMk/>
            <pc:sldMk cId="118800413" sldId="525"/>
            <ac:picMk id="12" creationId="{ED753124-F71E-4130-B4FD-B61967E84A42}"/>
          </ac:picMkLst>
        </pc:picChg>
        <pc:picChg chg="add del mod">
          <ac:chgData name="Matias Vázquez Piñón" userId="2f86a967-3c9c-4a39-b538-7e6c0574d83d" providerId="ADAL" clId="{B0EC83BE-3AC5-42EC-8408-8B0ACB640EA4}" dt="2022-07-17T12:38:29.378" v="1800"/>
          <ac:picMkLst>
            <pc:docMk/>
            <pc:sldMk cId="118800413" sldId="525"/>
            <ac:picMk id="14" creationId="{6A90793C-2AC1-62FB-ADB2-5850DE125412}"/>
          </ac:picMkLst>
        </pc:picChg>
        <pc:picChg chg="add del mod ord">
          <ac:chgData name="Matias Vázquez Piñón" userId="2f86a967-3c9c-4a39-b538-7e6c0574d83d" providerId="ADAL" clId="{B0EC83BE-3AC5-42EC-8408-8B0ACB640EA4}" dt="2022-07-17T12:51:41.364" v="2065" actId="478"/>
          <ac:picMkLst>
            <pc:docMk/>
            <pc:sldMk cId="118800413" sldId="525"/>
            <ac:picMk id="17" creationId="{6B2A38AF-B3C8-62A2-6FE9-54CB06975966}"/>
          </ac:picMkLst>
        </pc:picChg>
        <pc:picChg chg="add mod">
          <ac:chgData name="Matias Vázquez Piñón" userId="2f86a967-3c9c-4a39-b538-7e6c0574d83d" providerId="ADAL" clId="{B0EC83BE-3AC5-42EC-8408-8B0ACB640EA4}" dt="2022-07-17T12:55:48.447" v="2092" actId="1076"/>
          <ac:picMkLst>
            <pc:docMk/>
            <pc:sldMk cId="118800413" sldId="525"/>
            <ac:picMk id="20" creationId="{1C1D2C2D-A666-5CA7-18D6-28DAE9F7F94E}"/>
          </ac:picMkLst>
        </pc:picChg>
        <pc:picChg chg="add del mod">
          <ac:chgData name="Matias Vázquez Piñón" userId="2f86a967-3c9c-4a39-b538-7e6c0574d83d" providerId="ADAL" clId="{B0EC83BE-3AC5-42EC-8408-8B0ACB640EA4}" dt="2022-07-17T13:09:21.130" v="2475" actId="21"/>
          <ac:picMkLst>
            <pc:docMk/>
            <pc:sldMk cId="118800413" sldId="525"/>
            <ac:picMk id="21" creationId="{5B5A6088-5DB6-0D31-6907-FD3C0CF81382}"/>
          </ac:picMkLst>
        </pc:picChg>
        <pc:picChg chg="add del mod">
          <ac:chgData name="Matias Vázquez Piñón" userId="2f86a967-3c9c-4a39-b538-7e6c0574d83d" providerId="ADAL" clId="{B0EC83BE-3AC5-42EC-8408-8B0ACB640EA4}" dt="2022-07-17T12:47:53.271" v="2022" actId="478"/>
          <ac:picMkLst>
            <pc:docMk/>
            <pc:sldMk cId="118800413" sldId="525"/>
            <ac:picMk id="22" creationId="{30D685AF-5DC4-8E13-027A-9C878317449E}"/>
          </ac:picMkLst>
        </pc:picChg>
        <pc:picChg chg="add del mod">
          <ac:chgData name="Matias Vázquez Piñón" userId="2f86a967-3c9c-4a39-b538-7e6c0574d83d" providerId="ADAL" clId="{B0EC83BE-3AC5-42EC-8408-8B0ACB640EA4}" dt="2022-07-17T12:51:36.713" v="2063" actId="21"/>
          <ac:picMkLst>
            <pc:docMk/>
            <pc:sldMk cId="118800413" sldId="525"/>
            <ac:picMk id="24" creationId="{91D918A0-F53A-AC4C-AD9F-3770E4FE1663}"/>
          </ac:picMkLst>
        </pc:picChg>
        <pc:picChg chg="add del mod">
          <ac:chgData name="Matias Vázquez Piñón" userId="2f86a967-3c9c-4a39-b538-7e6c0574d83d" providerId="ADAL" clId="{B0EC83BE-3AC5-42EC-8408-8B0ACB640EA4}" dt="2022-07-17T12:51:45.607" v="2067" actId="21"/>
          <ac:picMkLst>
            <pc:docMk/>
            <pc:sldMk cId="118800413" sldId="525"/>
            <ac:picMk id="25" creationId="{710AC178-1D72-5736-281B-0289A2B3BF1B}"/>
          </ac:picMkLst>
        </pc:picChg>
        <pc:picChg chg="add del mod">
          <ac:chgData name="Matias Vázquez Piñón" userId="2f86a967-3c9c-4a39-b538-7e6c0574d83d" providerId="ADAL" clId="{B0EC83BE-3AC5-42EC-8408-8B0ACB640EA4}" dt="2022-07-17T12:52:57.459" v="2074" actId="478"/>
          <ac:picMkLst>
            <pc:docMk/>
            <pc:sldMk cId="118800413" sldId="525"/>
            <ac:picMk id="27" creationId="{AD204054-0983-CD38-D4E5-DB0B8E43D710}"/>
          </ac:picMkLst>
        </pc:picChg>
        <pc:picChg chg="add del mod">
          <ac:chgData name="Matias Vázquez Piñón" userId="2f86a967-3c9c-4a39-b538-7e6c0574d83d" providerId="ADAL" clId="{B0EC83BE-3AC5-42EC-8408-8B0ACB640EA4}" dt="2022-07-17T12:53:01.592" v="2078" actId="21"/>
          <ac:picMkLst>
            <pc:docMk/>
            <pc:sldMk cId="118800413" sldId="525"/>
            <ac:picMk id="30" creationId="{90DA2B96-5FD4-66D4-A778-796F68CA9C40}"/>
          </ac:picMkLst>
        </pc:picChg>
        <pc:picChg chg="add mod">
          <ac:chgData name="Matias Vázquez Piñón" userId="2f86a967-3c9c-4a39-b538-7e6c0574d83d" providerId="ADAL" clId="{B0EC83BE-3AC5-42EC-8408-8B0ACB640EA4}" dt="2022-07-17T12:54:15.591" v="2088" actId="1076"/>
          <ac:picMkLst>
            <pc:docMk/>
            <pc:sldMk cId="118800413" sldId="525"/>
            <ac:picMk id="32" creationId="{57A4C9B5-7677-B56E-AF8B-44B04BFD81DE}"/>
          </ac:picMkLst>
        </pc:picChg>
        <pc:picChg chg="add del">
          <ac:chgData name="Matias Vázquez Piñón" userId="2f86a967-3c9c-4a39-b538-7e6c0574d83d" providerId="ADAL" clId="{B0EC83BE-3AC5-42EC-8408-8B0ACB640EA4}" dt="2022-07-17T13:09:24.681" v="2477" actId="21"/>
          <ac:picMkLst>
            <pc:docMk/>
            <pc:sldMk cId="118800413" sldId="525"/>
            <ac:picMk id="35" creationId="{760109F8-51E8-B754-6F42-596A91C6C26C}"/>
          </ac:picMkLst>
        </pc:picChg>
      </pc:sldChg>
      <pc:sldChg chg="addSp delSp modSp add del mod">
        <pc:chgData name="Matias Vázquez Piñón" userId="2f86a967-3c9c-4a39-b538-7e6c0574d83d" providerId="ADAL" clId="{B0EC83BE-3AC5-42EC-8408-8B0ACB640EA4}" dt="2022-07-17T09:19:02.115" v="1277" actId="47"/>
        <pc:sldMkLst>
          <pc:docMk/>
          <pc:sldMk cId="928130870" sldId="525"/>
        </pc:sldMkLst>
        <pc:spChg chg="mod">
          <ac:chgData name="Matias Vázquez Piñón" userId="2f86a967-3c9c-4a39-b538-7e6c0574d83d" providerId="ADAL" clId="{B0EC83BE-3AC5-42EC-8408-8B0ACB640EA4}" dt="2022-07-17T09:15:03.470" v="1249"/>
          <ac:spMkLst>
            <pc:docMk/>
            <pc:sldMk cId="928130870" sldId="525"/>
            <ac:spMk id="2" creationId="{30C2C316-D993-94DF-F108-DA92EA7E288C}"/>
          </ac:spMkLst>
        </pc:spChg>
        <pc:spChg chg="add del mod">
          <ac:chgData name="Matias Vázquez Piñón" userId="2f86a967-3c9c-4a39-b538-7e6c0574d83d" providerId="ADAL" clId="{B0EC83BE-3AC5-42EC-8408-8B0ACB640EA4}" dt="2022-07-17T09:04:03.250" v="1138"/>
          <ac:spMkLst>
            <pc:docMk/>
            <pc:sldMk cId="928130870" sldId="525"/>
            <ac:spMk id="3" creationId="{F85BFC4C-7DD2-0B71-D743-6A64AFB15C78}"/>
          </ac:spMkLst>
        </pc:spChg>
        <pc:spChg chg="del">
          <ac:chgData name="Matias Vázquez Piñón" userId="2f86a967-3c9c-4a39-b538-7e6c0574d83d" providerId="ADAL" clId="{B0EC83BE-3AC5-42EC-8408-8B0ACB640EA4}" dt="2022-07-17T09:03:43.786" v="1134" actId="478"/>
          <ac:spMkLst>
            <pc:docMk/>
            <pc:sldMk cId="928130870" sldId="525"/>
            <ac:spMk id="5" creationId="{A6FB54A2-5553-EA3F-65F4-FDC50F20C0D1}"/>
          </ac:spMkLst>
        </pc:spChg>
        <pc:spChg chg="add del mod">
          <ac:chgData name="Matias Vázquez Piñón" userId="2f86a967-3c9c-4a39-b538-7e6c0574d83d" providerId="ADAL" clId="{B0EC83BE-3AC5-42EC-8408-8B0ACB640EA4}" dt="2022-07-17T09:08:09.967" v="1162" actId="478"/>
          <ac:spMkLst>
            <pc:docMk/>
            <pc:sldMk cId="928130870" sldId="525"/>
            <ac:spMk id="6" creationId="{CC01BB70-7F2B-2C5C-76F4-DE69EF72A9E6}"/>
          </ac:spMkLst>
        </pc:spChg>
        <pc:spChg chg="add del mod">
          <ac:chgData name="Matias Vázquez Piñón" userId="2f86a967-3c9c-4a39-b538-7e6c0574d83d" providerId="ADAL" clId="{B0EC83BE-3AC5-42EC-8408-8B0ACB640EA4}" dt="2022-07-17T09:10:02.746" v="1177" actId="21"/>
          <ac:spMkLst>
            <pc:docMk/>
            <pc:sldMk cId="928130870" sldId="525"/>
            <ac:spMk id="9" creationId="{F45A4CB0-AC63-6C03-CFE3-6B3192594AAB}"/>
          </ac:spMkLst>
        </pc:spChg>
        <pc:spChg chg="add del mod">
          <ac:chgData name="Matias Vázquez Piñón" userId="2f86a967-3c9c-4a39-b538-7e6c0574d83d" providerId="ADAL" clId="{B0EC83BE-3AC5-42EC-8408-8B0ACB640EA4}" dt="2022-07-17T09:10:48.617" v="1182" actId="21"/>
          <ac:spMkLst>
            <pc:docMk/>
            <pc:sldMk cId="928130870" sldId="525"/>
            <ac:spMk id="10" creationId="{6C12E950-7B61-24D0-EDEF-A404CC9CD95A}"/>
          </ac:spMkLst>
        </pc:spChg>
        <pc:spChg chg="add del mod">
          <ac:chgData name="Matias Vázquez Piñón" userId="2f86a967-3c9c-4a39-b538-7e6c0574d83d" providerId="ADAL" clId="{B0EC83BE-3AC5-42EC-8408-8B0ACB640EA4}" dt="2022-07-17T09:12:53.508" v="1221" actId="21"/>
          <ac:spMkLst>
            <pc:docMk/>
            <pc:sldMk cId="928130870" sldId="525"/>
            <ac:spMk id="11" creationId="{54F07644-8DC1-631D-FF1B-6B99135181BC}"/>
          </ac:spMkLst>
        </pc:spChg>
        <pc:spChg chg="add del mod">
          <ac:chgData name="Matias Vázquez Piñón" userId="2f86a967-3c9c-4a39-b538-7e6c0574d83d" providerId="ADAL" clId="{B0EC83BE-3AC5-42EC-8408-8B0ACB640EA4}" dt="2022-07-17T09:15:00.544" v="1248" actId="478"/>
          <ac:spMkLst>
            <pc:docMk/>
            <pc:sldMk cId="928130870" sldId="525"/>
            <ac:spMk id="12" creationId="{7B1CA9DA-C6E9-5CA6-F32D-FFA39620670C}"/>
          </ac:spMkLst>
        </pc:spChg>
        <pc:spChg chg="add del mod">
          <ac:chgData name="Matias Vázquez Piñón" userId="2f86a967-3c9c-4a39-b538-7e6c0574d83d" providerId="ADAL" clId="{B0EC83BE-3AC5-42EC-8408-8B0ACB640EA4}" dt="2022-07-17T09:15:20.937" v="1253" actId="478"/>
          <ac:spMkLst>
            <pc:docMk/>
            <pc:sldMk cId="928130870" sldId="525"/>
            <ac:spMk id="13" creationId="{AAE8409E-1DE8-5B96-0BB7-1E479DDE06C0}"/>
          </ac:spMkLst>
        </pc:spChg>
        <pc:spChg chg="add del mod">
          <ac:chgData name="Matias Vázquez Piñón" userId="2f86a967-3c9c-4a39-b538-7e6c0574d83d" providerId="ADAL" clId="{B0EC83BE-3AC5-42EC-8408-8B0ACB640EA4}" dt="2022-07-17T09:15:26.519" v="1256"/>
          <ac:spMkLst>
            <pc:docMk/>
            <pc:sldMk cId="928130870" sldId="525"/>
            <ac:spMk id="15" creationId="{3A37F375-82EA-7F07-F048-E3EDD1638B9F}"/>
          </ac:spMkLst>
        </pc:spChg>
        <pc:spChg chg="add del mod">
          <ac:chgData name="Matias Vázquez Piñón" userId="2f86a967-3c9c-4a39-b538-7e6c0574d83d" providerId="ADAL" clId="{B0EC83BE-3AC5-42EC-8408-8B0ACB640EA4}" dt="2022-07-17T09:16:59.514" v="1262" actId="21"/>
          <ac:spMkLst>
            <pc:docMk/>
            <pc:sldMk cId="928130870" sldId="525"/>
            <ac:spMk id="16" creationId="{A11E2E96-C4BE-240C-7A8B-DBFA50B62DE8}"/>
          </ac:spMkLst>
        </pc:spChg>
        <pc:spChg chg="add del mod">
          <ac:chgData name="Matias Vázquez Piñón" userId="2f86a967-3c9c-4a39-b538-7e6c0574d83d" providerId="ADAL" clId="{B0EC83BE-3AC5-42EC-8408-8B0ACB640EA4}" dt="2022-07-17T09:18:40.859" v="1273" actId="478"/>
          <ac:spMkLst>
            <pc:docMk/>
            <pc:sldMk cId="928130870" sldId="525"/>
            <ac:spMk id="26" creationId="{8D324BAB-53E4-D759-DBAC-1B525559203B}"/>
          </ac:spMkLst>
        </pc:spChg>
        <pc:graphicFrameChg chg="add del mod modGraphic">
          <ac:chgData name="Matias Vázquez Piñón" userId="2f86a967-3c9c-4a39-b538-7e6c0574d83d" providerId="ADAL" clId="{B0EC83BE-3AC5-42EC-8408-8B0ACB640EA4}" dt="2022-07-17T09:15:15.746" v="1252" actId="21"/>
          <ac:graphicFrameMkLst>
            <pc:docMk/>
            <pc:sldMk cId="928130870" sldId="525"/>
            <ac:graphicFrameMk id="8" creationId="{1B9DA007-E5C5-1BE2-7C4B-C66520597CEF}"/>
          </ac:graphicFrameMkLst>
        </pc:graphicFrameChg>
        <pc:graphicFrameChg chg="add del mod">
          <ac:chgData name="Matias Vázquez Piñón" userId="2f86a967-3c9c-4a39-b538-7e6c0574d83d" providerId="ADAL" clId="{B0EC83BE-3AC5-42EC-8408-8B0ACB640EA4}" dt="2022-07-17T09:15:25.357" v="1255" actId="21"/>
          <ac:graphicFrameMkLst>
            <pc:docMk/>
            <pc:sldMk cId="928130870" sldId="525"/>
            <ac:graphicFrameMk id="22" creationId="{64542FD9-12FA-20FC-1106-5A38472C2966}"/>
          </ac:graphicFrameMkLst>
        </pc:graphicFrameChg>
        <pc:graphicFrameChg chg="add del mod">
          <ac:chgData name="Matias Vázquez Piñón" userId="2f86a967-3c9c-4a39-b538-7e6c0574d83d" providerId="ADAL" clId="{B0EC83BE-3AC5-42EC-8408-8B0ACB640EA4}" dt="2022-07-17T09:18:23.869" v="1269"/>
          <ac:graphicFrameMkLst>
            <pc:docMk/>
            <pc:sldMk cId="928130870" sldId="525"/>
            <ac:graphicFrameMk id="23" creationId="{45587E57-CCD7-8A8B-3DC8-B21F011CD160}"/>
          </ac:graphicFrameMkLst>
        </pc:graphicFrameChg>
        <pc:picChg chg="add del mod">
          <ac:chgData name="Matias Vázquez Piñón" userId="2f86a967-3c9c-4a39-b538-7e6c0574d83d" providerId="ADAL" clId="{B0EC83BE-3AC5-42EC-8408-8B0ACB640EA4}" dt="2022-07-17T09:06:52.215" v="1151" actId="12084"/>
          <ac:picMkLst>
            <pc:docMk/>
            <pc:sldMk cId="928130870" sldId="525"/>
            <ac:picMk id="7" creationId="{9AF4CE1B-8B11-6DAE-3D0E-753F8F8BD70D}"/>
          </ac:picMkLst>
        </pc:picChg>
        <pc:picChg chg="add del mod">
          <ac:chgData name="Matias Vázquez Piñón" userId="2f86a967-3c9c-4a39-b538-7e6c0574d83d" providerId="ADAL" clId="{B0EC83BE-3AC5-42EC-8408-8B0ACB640EA4}" dt="2022-07-17T09:13:14.250" v="1227" actId="21"/>
          <ac:picMkLst>
            <pc:docMk/>
            <pc:sldMk cId="928130870" sldId="525"/>
            <ac:picMk id="17" creationId="{571A927B-1F13-2D1E-AC6C-BF38F96A2583}"/>
          </ac:picMkLst>
        </pc:picChg>
        <pc:picChg chg="del">
          <ac:chgData name="Matias Vázquez Piñón" userId="2f86a967-3c9c-4a39-b538-7e6c0574d83d" providerId="ADAL" clId="{B0EC83BE-3AC5-42EC-8408-8B0ACB640EA4}" dt="2022-07-17T09:03:59.422" v="1137" actId="21"/>
          <ac:picMkLst>
            <pc:docMk/>
            <pc:sldMk cId="928130870" sldId="525"/>
            <ac:picMk id="1028" creationId="{28176294-0F56-AB3D-B59B-DEDD435E50D7}"/>
          </ac:picMkLst>
        </pc:picChg>
        <pc:picChg chg="add del mod">
          <ac:chgData name="Matias Vázquez Piñón" userId="2f86a967-3c9c-4a39-b538-7e6c0574d83d" providerId="ADAL" clId="{B0EC83BE-3AC5-42EC-8408-8B0ACB640EA4}" dt="2022-07-17T09:09:54.104" v="1173"/>
          <ac:picMkLst>
            <pc:docMk/>
            <pc:sldMk cId="928130870" sldId="525"/>
            <ac:picMk id="2050" creationId="{1EDC05D7-DE8D-0CCE-EF52-768B3C61B40D}"/>
          </ac:picMkLst>
        </pc:picChg>
        <pc:picChg chg="add del mod">
          <ac:chgData name="Matias Vázquez Piñón" userId="2f86a967-3c9c-4a39-b538-7e6c0574d83d" providerId="ADAL" clId="{B0EC83BE-3AC5-42EC-8408-8B0ACB640EA4}" dt="2022-07-17T09:10:05.144" v="1178" actId="21"/>
          <ac:picMkLst>
            <pc:docMk/>
            <pc:sldMk cId="928130870" sldId="525"/>
            <ac:picMk id="2052" creationId="{886E4F8B-937B-C49B-9B5A-06F1FE40778F}"/>
          </ac:picMkLst>
        </pc:picChg>
        <pc:picChg chg="add del mod">
          <ac:chgData name="Matias Vázquez Piñón" userId="2f86a967-3c9c-4a39-b538-7e6c0574d83d" providerId="ADAL" clId="{B0EC83BE-3AC5-42EC-8408-8B0ACB640EA4}" dt="2022-07-17T09:10:51.430" v="1183" actId="21"/>
          <ac:picMkLst>
            <pc:docMk/>
            <pc:sldMk cId="928130870" sldId="525"/>
            <ac:picMk id="2054" creationId="{ABC92EE6-8D4E-6587-E9B7-7C00C7F2206E}"/>
          </ac:picMkLst>
        </pc:picChg>
        <pc:picChg chg="add del mod">
          <ac:chgData name="Matias Vázquez Piñón" userId="2f86a967-3c9c-4a39-b538-7e6c0574d83d" providerId="ADAL" clId="{B0EC83BE-3AC5-42EC-8408-8B0ACB640EA4}" dt="2022-07-17T09:12:55.534" v="1222" actId="21"/>
          <ac:picMkLst>
            <pc:docMk/>
            <pc:sldMk cId="928130870" sldId="525"/>
            <ac:picMk id="2056" creationId="{3E0A271A-1A75-27EE-8F8A-1B922E93A6CA}"/>
          </ac:picMkLst>
        </pc:picChg>
        <pc:picChg chg="add del mod">
          <ac:chgData name="Matias Vázquez Piñón" userId="2f86a967-3c9c-4a39-b538-7e6c0574d83d" providerId="ADAL" clId="{B0EC83BE-3AC5-42EC-8408-8B0ACB640EA4}" dt="2022-07-17T09:17:01.533" v="1263" actId="21"/>
          <ac:picMkLst>
            <pc:docMk/>
            <pc:sldMk cId="928130870" sldId="525"/>
            <ac:picMk id="2062" creationId="{155338F5-7F7D-B0E4-3F8F-8D248EAE9287}"/>
          </ac:picMkLst>
        </pc:picChg>
      </pc:sldChg>
      <pc:sldChg chg="addSp delSp modSp add del mod">
        <pc:chgData name="Matias Vázquez Piñón" userId="2f86a967-3c9c-4a39-b538-7e6c0574d83d" providerId="ADAL" clId="{B0EC83BE-3AC5-42EC-8408-8B0ACB640EA4}" dt="2022-07-17T13:02:27.634" v="2143" actId="47"/>
        <pc:sldMkLst>
          <pc:docMk/>
          <pc:sldMk cId="870029278" sldId="526"/>
        </pc:sldMkLst>
        <pc:spChg chg="add del mod">
          <ac:chgData name="Matias Vázquez Piñón" userId="2f86a967-3c9c-4a39-b538-7e6c0574d83d" providerId="ADAL" clId="{B0EC83BE-3AC5-42EC-8408-8B0ACB640EA4}" dt="2022-07-17T12:56:33.395" v="2098" actId="1032"/>
          <ac:spMkLst>
            <pc:docMk/>
            <pc:sldMk cId="870029278" sldId="526"/>
            <ac:spMk id="2" creationId="{E7431320-C395-D2B6-9023-4D1C1A089392}"/>
          </ac:spMkLst>
        </pc:spChg>
        <pc:spChg chg="add del mod">
          <ac:chgData name="Matias Vázquez Piñón" userId="2f86a967-3c9c-4a39-b538-7e6c0574d83d" providerId="ADAL" clId="{B0EC83BE-3AC5-42EC-8408-8B0ACB640EA4}" dt="2022-07-17T12:56:36.671" v="2099" actId="478"/>
          <ac:spMkLst>
            <pc:docMk/>
            <pc:sldMk cId="870029278" sldId="526"/>
            <ac:spMk id="3" creationId="{2AFDBD7C-0565-0634-97C4-1F49DAB72499}"/>
          </ac:spMkLst>
        </pc:spChg>
        <pc:spChg chg="del">
          <ac:chgData name="Matias Vázquez Piñón" userId="2f86a967-3c9c-4a39-b538-7e6c0574d83d" providerId="ADAL" clId="{B0EC83BE-3AC5-42EC-8408-8B0ACB640EA4}" dt="2022-07-17T12:56:01.844" v="2094" actId="478"/>
          <ac:spMkLst>
            <pc:docMk/>
            <pc:sldMk cId="870029278" sldId="526"/>
            <ac:spMk id="18" creationId="{8D8AA841-3D8F-D091-2527-50DC9E84200C}"/>
          </ac:spMkLst>
        </pc:spChg>
        <pc:graphicFrameChg chg="add mod modGraphic">
          <ac:chgData name="Matias Vázquez Piñón" userId="2f86a967-3c9c-4a39-b538-7e6c0574d83d" providerId="ADAL" clId="{B0EC83BE-3AC5-42EC-8408-8B0ACB640EA4}" dt="2022-07-17T13:01:14.942" v="2131"/>
          <ac:graphicFrameMkLst>
            <pc:docMk/>
            <pc:sldMk cId="870029278" sldId="526"/>
            <ac:graphicFrameMk id="6" creationId="{9F4C1DCE-6497-574C-DF41-D8EE1AEAA784}"/>
          </ac:graphicFrameMkLst>
        </pc:graphicFrameChg>
        <pc:picChg chg="add del mod">
          <ac:chgData name="Matias Vázquez Piñón" userId="2f86a967-3c9c-4a39-b538-7e6c0574d83d" providerId="ADAL" clId="{B0EC83BE-3AC5-42EC-8408-8B0ACB640EA4}" dt="2022-07-17T12:57:52.486" v="2106"/>
          <ac:picMkLst>
            <pc:docMk/>
            <pc:sldMk cId="870029278" sldId="526"/>
            <ac:picMk id="8" creationId="{4B37FA59-E012-617F-E06E-B0635AFD4466}"/>
          </ac:picMkLst>
        </pc:picChg>
        <pc:picChg chg="add del mod">
          <ac:chgData name="Matias Vázquez Piñón" userId="2f86a967-3c9c-4a39-b538-7e6c0574d83d" providerId="ADAL" clId="{B0EC83BE-3AC5-42EC-8408-8B0ACB640EA4}" dt="2022-07-17T12:58:29.187" v="2113" actId="21"/>
          <ac:picMkLst>
            <pc:docMk/>
            <pc:sldMk cId="870029278" sldId="526"/>
            <ac:picMk id="10" creationId="{201B4A59-9B15-D088-25F0-031161A92AED}"/>
          </ac:picMkLst>
        </pc:picChg>
        <pc:picChg chg="del">
          <ac:chgData name="Matias Vázquez Piñón" userId="2f86a967-3c9c-4a39-b538-7e6c0574d83d" providerId="ADAL" clId="{B0EC83BE-3AC5-42EC-8408-8B0ACB640EA4}" dt="2022-07-17T12:56:04.717" v="2096" actId="478"/>
          <ac:picMkLst>
            <pc:docMk/>
            <pc:sldMk cId="870029278" sldId="526"/>
            <ac:picMk id="20" creationId="{1C1D2C2D-A666-5CA7-18D6-28DAE9F7F94E}"/>
          </ac:picMkLst>
        </pc:picChg>
        <pc:picChg chg="del">
          <ac:chgData name="Matias Vázquez Piñón" userId="2f86a967-3c9c-4a39-b538-7e6c0574d83d" providerId="ADAL" clId="{B0EC83BE-3AC5-42EC-8408-8B0ACB640EA4}" dt="2022-07-17T12:56:06.783" v="2097" actId="478"/>
          <ac:picMkLst>
            <pc:docMk/>
            <pc:sldMk cId="870029278" sldId="526"/>
            <ac:picMk id="21" creationId="{5B5A6088-5DB6-0D31-6907-FD3C0CF81382}"/>
          </ac:picMkLst>
        </pc:picChg>
        <pc:picChg chg="del">
          <ac:chgData name="Matias Vázquez Piñón" userId="2f86a967-3c9c-4a39-b538-7e6c0574d83d" providerId="ADAL" clId="{B0EC83BE-3AC5-42EC-8408-8B0ACB640EA4}" dt="2022-07-17T12:56:03.051" v="2095" actId="478"/>
          <ac:picMkLst>
            <pc:docMk/>
            <pc:sldMk cId="870029278" sldId="526"/>
            <ac:picMk id="32" creationId="{57A4C9B5-7677-B56E-AF8B-44B04BFD81DE}"/>
          </ac:picMkLst>
        </pc:picChg>
      </pc:sldChg>
      <pc:sldChg chg="addSp delSp modSp new mod modClrScheme chgLayout">
        <pc:chgData name="Matias Vázquez Piñón" userId="2f86a967-3c9c-4a39-b538-7e6c0574d83d" providerId="ADAL" clId="{B0EC83BE-3AC5-42EC-8408-8B0ACB640EA4}" dt="2022-08-07T18:32:12.151" v="13484" actId="478"/>
        <pc:sldMkLst>
          <pc:docMk/>
          <pc:sldMk cId="3250589740" sldId="527"/>
        </pc:sldMkLst>
        <pc:spChg chg="del mod ord">
          <ac:chgData name="Matias Vázquez Piñón" userId="2f86a967-3c9c-4a39-b538-7e6c0574d83d" providerId="ADAL" clId="{B0EC83BE-3AC5-42EC-8408-8B0ACB640EA4}" dt="2022-07-17T13:02:05.494" v="2134" actId="700"/>
          <ac:spMkLst>
            <pc:docMk/>
            <pc:sldMk cId="3250589740" sldId="527"/>
            <ac:spMk id="2" creationId="{C1EFC8E3-4A6D-0621-F16D-BE1771027ED4}"/>
          </ac:spMkLst>
        </pc:spChg>
        <pc:spChg chg="del">
          <ac:chgData name="Matias Vázquez Piñón" userId="2f86a967-3c9c-4a39-b538-7e6c0574d83d" providerId="ADAL" clId="{B0EC83BE-3AC5-42EC-8408-8B0ACB640EA4}" dt="2022-07-17T13:01:59.247" v="2133" actId="1032"/>
          <ac:spMkLst>
            <pc:docMk/>
            <pc:sldMk cId="3250589740" sldId="527"/>
            <ac:spMk id="3" creationId="{1416FC43-BA3E-DB84-4990-EC1B457E7ED6}"/>
          </ac:spMkLst>
        </pc:spChg>
        <pc:spChg chg="del">
          <ac:chgData name="Matias Vázquez Piñón" userId="2f86a967-3c9c-4a39-b538-7e6c0574d83d" providerId="ADAL" clId="{B0EC83BE-3AC5-42EC-8408-8B0ACB640EA4}" dt="2022-07-17T13:02:05.494" v="2134" actId="700"/>
          <ac:spMkLst>
            <pc:docMk/>
            <pc:sldMk cId="3250589740" sldId="527"/>
            <ac:spMk id="4" creationId="{78AEE672-9915-1CEC-B3C2-5EF2A763A171}"/>
          </ac:spMkLst>
        </pc:spChg>
        <pc:spChg chg="mod ord">
          <ac:chgData name="Matias Vázquez Piñón" userId="2f86a967-3c9c-4a39-b538-7e6c0574d83d" providerId="ADAL" clId="{B0EC83BE-3AC5-42EC-8408-8B0ACB640EA4}" dt="2022-07-17T13:02:05.494" v="2134" actId="700"/>
          <ac:spMkLst>
            <pc:docMk/>
            <pc:sldMk cId="3250589740" sldId="527"/>
            <ac:spMk id="5" creationId="{827FF0AA-DC54-C28F-5855-DF7150154BE4}"/>
          </ac:spMkLst>
        </pc:spChg>
        <pc:spChg chg="add mod ord">
          <ac:chgData name="Matias Vázquez Piñón" userId="2f86a967-3c9c-4a39-b538-7e6c0574d83d" providerId="ADAL" clId="{B0EC83BE-3AC5-42EC-8408-8B0ACB640EA4}" dt="2022-08-06T14:27:22.589" v="10968" actId="20577"/>
          <ac:spMkLst>
            <pc:docMk/>
            <pc:sldMk cId="3250589740" sldId="527"/>
            <ac:spMk id="7" creationId="{ADAAD781-AD46-4FF0-078B-63F6E86C406B}"/>
          </ac:spMkLst>
        </pc:spChg>
        <pc:spChg chg="add del mod">
          <ac:chgData name="Matias Vázquez Piñón" userId="2f86a967-3c9c-4a39-b538-7e6c0574d83d" providerId="ADAL" clId="{B0EC83BE-3AC5-42EC-8408-8B0ACB640EA4}" dt="2022-08-06T16:40:07.621" v="11323" actId="22"/>
          <ac:spMkLst>
            <pc:docMk/>
            <pc:sldMk cId="3250589740" sldId="527"/>
            <ac:spMk id="8" creationId="{88986FA7-4BFE-C64C-123D-7A7125F604BB}"/>
          </ac:spMkLst>
        </pc:spChg>
        <pc:spChg chg="add del mod">
          <ac:chgData name="Matias Vázquez Piñón" userId="2f86a967-3c9c-4a39-b538-7e6c0574d83d" providerId="ADAL" clId="{B0EC83BE-3AC5-42EC-8408-8B0ACB640EA4}" dt="2022-08-07T18:32:12.151" v="13484" actId="478"/>
          <ac:spMkLst>
            <pc:docMk/>
            <pc:sldMk cId="3250589740" sldId="527"/>
            <ac:spMk id="9" creationId="{88E3F214-031B-DB3B-D870-7188AA565093}"/>
          </ac:spMkLst>
        </pc:spChg>
        <pc:spChg chg="add del mod">
          <ac:chgData name="Matias Vázquez Piñón" userId="2f86a967-3c9c-4a39-b538-7e6c0574d83d" providerId="ADAL" clId="{B0EC83BE-3AC5-42EC-8408-8B0ACB640EA4}" dt="2022-08-06T16:42:05.443" v="11444" actId="478"/>
          <ac:spMkLst>
            <pc:docMk/>
            <pc:sldMk cId="3250589740" sldId="527"/>
            <ac:spMk id="10" creationId="{B9F52E2F-0D63-EF51-7113-79E4FBF632F9}"/>
          </ac:spMkLst>
        </pc:spChg>
        <pc:graphicFrameChg chg="add mod ord modGraphic">
          <ac:chgData name="Matias Vázquez Piñón" userId="2f86a967-3c9c-4a39-b538-7e6c0574d83d" providerId="ADAL" clId="{B0EC83BE-3AC5-42EC-8408-8B0ACB640EA4}" dt="2022-08-07T18:32:03.774" v="13483" actId="208"/>
          <ac:graphicFrameMkLst>
            <pc:docMk/>
            <pc:sldMk cId="3250589740" sldId="527"/>
            <ac:graphicFrameMk id="6" creationId="{47E28FF0-C7F9-FE7D-3F5C-9F2CBB7692EE}"/>
          </ac:graphicFrameMkLst>
        </pc:graphicFrameChg>
        <pc:picChg chg="add del mod">
          <ac:chgData name="Matias Vázquez Piñón" userId="2f86a967-3c9c-4a39-b538-7e6c0574d83d" providerId="ADAL" clId="{B0EC83BE-3AC5-42EC-8408-8B0ACB640EA4}" dt="2022-07-17T13:04:03.250" v="2322" actId="21"/>
          <ac:picMkLst>
            <pc:docMk/>
            <pc:sldMk cId="3250589740" sldId="527"/>
            <ac:picMk id="9" creationId="{F5A5C694-E98E-9EA8-4C51-64F45BA887D8}"/>
          </ac:picMkLst>
        </pc:picChg>
        <pc:picChg chg="add del mod">
          <ac:chgData name="Matias Vázquez Piñón" userId="2f86a967-3c9c-4a39-b538-7e6c0574d83d" providerId="ADAL" clId="{B0EC83BE-3AC5-42EC-8408-8B0ACB640EA4}" dt="2022-07-17T13:04:38.739" v="2326" actId="21"/>
          <ac:picMkLst>
            <pc:docMk/>
            <pc:sldMk cId="3250589740" sldId="527"/>
            <ac:picMk id="11" creationId="{5D5BA4EB-41BD-9E97-899A-CD08F15B7CA7}"/>
          </ac:picMkLst>
        </pc:picChg>
        <pc:picChg chg="add del mod modCrop">
          <ac:chgData name="Matias Vázquez Piñón" userId="2f86a967-3c9c-4a39-b538-7e6c0574d83d" providerId="ADAL" clId="{B0EC83BE-3AC5-42EC-8408-8B0ACB640EA4}" dt="2022-07-17T13:19:23.927" v="2586" actId="21"/>
          <ac:picMkLst>
            <pc:docMk/>
            <pc:sldMk cId="3250589740" sldId="527"/>
            <ac:picMk id="13" creationId="{4DFCD087-0175-19AF-98F0-6EB9EA836849}"/>
          </ac:picMkLst>
        </pc:picChg>
        <pc:picChg chg="add del">
          <ac:chgData name="Matias Vázquez Piñón" userId="2f86a967-3c9c-4a39-b538-7e6c0574d83d" providerId="ADAL" clId="{B0EC83BE-3AC5-42EC-8408-8B0ACB640EA4}" dt="2022-07-17T13:19:38.874" v="2595" actId="21"/>
          <ac:picMkLst>
            <pc:docMk/>
            <pc:sldMk cId="3250589740" sldId="527"/>
            <ac:picMk id="14" creationId="{73D9D4A6-3A26-9D60-70F9-76A23DCAD96C}"/>
          </ac:picMkLst>
        </pc:picChg>
        <pc:picChg chg="add del mod">
          <ac:chgData name="Matias Vázquez Piñón" userId="2f86a967-3c9c-4a39-b538-7e6c0574d83d" providerId="ADAL" clId="{B0EC83BE-3AC5-42EC-8408-8B0ACB640EA4}" dt="2022-07-17T13:24:32.838" v="2614" actId="21"/>
          <ac:picMkLst>
            <pc:docMk/>
            <pc:sldMk cId="3250589740" sldId="527"/>
            <ac:picMk id="16" creationId="{E7319E56-85B2-3BDC-EAAF-44B121E1260D}"/>
          </ac:picMkLst>
        </pc:picChg>
        <pc:picChg chg="add del mod">
          <ac:chgData name="Matias Vázquez Piñón" userId="2f86a967-3c9c-4a39-b538-7e6c0574d83d" providerId="ADAL" clId="{B0EC83BE-3AC5-42EC-8408-8B0ACB640EA4}" dt="2022-07-17T13:19:33.487" v="2591" actId="21"/>
          <ac:picMkLst>
            <pc:docMk/>
            <pc:sldMk cId="3250589740" sldId="527"/>
            <ac:picMk id="17" creationId="{BE040481-1FD7-27CC-9466-67C6EDD23CA7}"/>
          </ac:picMkLst>
        </pc:picChg>
        <pc:picChg chg="add del mod">
          <ac:chgData name="Matias Vázquez Piñón" userId="2f86a967-3c9c-4a39-b538-7e6c0574d83d" providerId="ADAL" clId="{B0EC83BE-3AC5-42EC-8408-8B0ACB640EA4}" dt="2022-07-17T13:19:35.746" v="2593" actId="21"/>
          <ac:picMkLst>
            <pc:docMk/>
            <pc:sldMk cId="3250589740" sldId="527"/>
            <ac:picMk id="18" creationId="{814FB621-7CC4-ED8E-0740-10159CF6BA2B}"/>
          </ac:picMkLst>
        </pc:picChg>
        <pc:picChg chg="add del mod">
          <ac:chgData name="Matias Vázquez Piñón" userId="2f86a967-3c9c-4a39-b538-7e6c0574d83d" providerId="ADAL" clId="{B0EC83BE-3AC5-42EC-8408-8B0ACB640EA4}" dt="2022-07-17T13:35:26.463" v="2928" actId="21"/>
          <ac:picMkLst>
            <pc:docMk/>
            <pc:sldMk cId="3250589740" sldId="527"/>
            <ac:picMk id="20" creationId="{AC366E30-C025-E95F-01C7-90CB956733A8}"/>
          </ac:picMkLst>
        </pc:picChg>
        <pc:picChg chg="add del mod">
          <ac:chgData name="Matias Vázquez Piñón" userId="2f86a967-3c9c-4a39-b538-7e6c0574d83d" providerId="ADAL" clId="{B0EC83BE-3AC5-42EC-8408-8B0ACB640EA4}" dt="2022-07-17T13:37:05.907" v="2933" actId="21"/>
          <ac:picMkLst>
            <pc:docMk/>
            <pc:sldMk cId="3250589740" sldId="527"/>
            <ac:picMk id="22" creationId="{DF6653FC-125C-5E51-6553-ACA372753A7D}"/>
          </ac:picMkLst>
        </pc:picChg>
        <pc:picChg chg="add del mod">
          <ac:chgData name="Matias Vázquez Piñón" userId="2f86a967-3c9c-4a39-b538-7e6c0574d83d" providerId="ADAL" clId="{B0EC83BE-3AC5-42EC-8408-8B0ACB640EA4}" dt="2022-07-17T13:37:19.673" v="2935" actId="21"/>
          <ac:picMkLst>
            <pc:docMk/>
            <pc:sldMk cId="3250589740" sldId="527"/>
            <ac:picMk id="24" creationId="{3AFF0DD2-DAAE-6226-D690-CD50E0CFF972}"/>
          </ac:picMkLst>
        </pc:picChg>
        <pc:picChg chg="add del mod">
          <ac:chgData name="Matias Vázquez Piñón" userId="2f86a967-3c9c-4a39-b538-7e6c0574d83d" providerId="ADAL" clId="{B0EC83BE-3AC5-42EC-8408-8B0ACB640EA4}" dt="2022-07-17T13:02:19.347" v="2140" actId="21"/>
          <ac:picMkLst>
            <pc:docMk/>
            <pc:sldMk cId="3250589740" sldId="527"/>
            <ac:picMk id="3074" creationId="{0DE6462B-DA2A-B481-2E9C-10539452A74A}"/>
          </ac:picMkLst>
        </pc:picChg>
        <pc:picChg chg="add del mod">
          <ac:chgData name="Matias Vázquez Piñón" userId="2f86a967-3c9c-4a39-b538-7e6c0574d83d" providerId="ADAL" clId="{B0EC83BE-3AC5-42EC-8408-8B0ACB640EA4}" dt="2022-07-17T13:13:13.072" v="2532" actId="21"/>
          <ac:picMkLst>
            <pc:docMk/>
            <pc:sldMk cId="3250589740" sldId="527"/>
            <ac:picMk id="3076" creationId="{36C144C8-5C71-78C6-316F-DA4CAF171AAF}"/>
          </ac:picMkLst>
        </pc:picChg>
        <pc:picChg chg="add del mod">
          <ac:chgData name="Matias Vázquez Piñón" userId="2f86a967-3c9c-4a39-b538-7e6c0574d83d" providerId="ADAL" clId="{B0EC83BE-3AC5-42EC-8408-8B0ACB640EA4}" dt="2022-07-17T13:15:01.098" v="2538" actId="21"/>
          <ac:picMkLst>
            <pc:docMk/>
            <pc:sldMk cId="3250589740" sldId="527"/>
            <ac:picMk id="3078" creationId="{E0B052FB-24B8-3376-A0F3-3B8E6C46B0B9}"/>
          </ac:picMkLst>
        </pc:picChg>
      </pc:sldChg>
      <pc:sldChg chg="addSp delSp modSp new mod modClrScheme chgLayout">
        <pc:chgData name="Matias Vázquez Piñón" userId="2f86a967-3c9c-4a39-b538-7e6c0574d83d" providerId="ADAL" clId="{B0EC83BE-3AC5-42EC-8408-8B0ACB640EA4}" dt="2022-08-06T22:23:47.713" v="11925" actId="20577"/>
        <pc:sldMkLst>
          <pc:docMk/>
          <pc:sldMk cId="2593592056" sldId="528"/>
        </pc:sldMkLst>
        <pc:spChg chg="mod ord">
          <ac:chgData name="Matias Vázquez Piñón" userId="2f86a967-3c9c-4a39-b538-7e6c0574d83d" providerId="ADAL" clId="{B0EC83BE-3AC5-42EC-8408-8B0ACB640EA4}" dt="2022-08-06T14:54:11.813" v="11232" actId="20577"/>
          <ac:spMkLst>
            <pc:docMk/>
            <pc:sldMk cId="2593592056" sldId="528"/>
            <ac:spMk id="2" creationId="{F8482D0D-5108-EB32-E170-50F6A2F66FD9}"/>
          </ac:spMkLst>
        </pc:spChg>
        <pc:spChg chg="del">
          <ac:chgData name="Matias Vázquez Piñón" userId="2f86a967-3c9c-4a39-b538-7e6c0574d83d" providerId="ADAL" clId="{B0EC83BE-3AC5-42EC-8408-8B0ACB640EA4}" dt="2022-07-17T13:24:47.140" v="2617" actId="478"/>
          <ac:spMkLst>
            <pc:docMk/>
            <pc:sldMk cId="2593592056" sldId="528"/>
            <ac:spMk id="3" creationId="{7C01BB73-A226-A91F-D945-CD5F14A6BEC0}"/>
          </ac:spMkLst>
        </pc:spChg>
        <pc:spChg chg="mod ord">
          <ac:chgData name="Matias Vázquez Piñón" userId="2f86a967-3c9c-4a39-b538-7e6c0574d83d" providerId="ADAL" clId="{B0EC83BE-3AC5-42EC-8408-8B0ACB640EA4}" dt="2022-07-17T13:41:35.049" v="3002" actId="700"/>
          <ac:spMkLst>
            <pc:docMk/>
            <pc:sldMk cId="2593592056" sldId="528"/>
            <ac:spMk id="4" creationId="{0941F1E8-4929-5E99-B651-9FA1387923DB}"/>
          </ac:spMkLst>
        </pc:spChg>
        <pc:spChg chg="add del mod">
          <ac:chgData name="Matias Vázquez Piñón" userId="2f86a967-3c9c-4a39-b538-7e6c0574d83d" providerId="ADAL" clId="{B0EC83BE-3AC5-42EC-8408-8B0ACB640EA4}" dt="2022-07-17T13:28:52.205" v="2661" actId="21"/>
          <ac:spMkLst>
            <pc:docMk/>
            <pc:sldMk cId="2593592056" sldId="528"/>
            <ac:spMk id="6" creationId="{215D45DB-A476-CB64-9EA6-C8367EBD3941}"/>
          </ac:spMkLst>
        </pc:spChg>
        <pc:spChg chg="add mod ord">
          <ac:chgData name="Matias Vázquez Piñón" userId="2f86a967-3c9c-4a39-b538-7e6c0574d83d" providerId="ADAL" clId="{B0EC83BE-3AC5-42EC-8408-8B0ACB640EA4}" dt="2022-08-06T22:23:47.713" v="11925" actId="20577"/>
          <ac:spMkLst>
            <pc:docMk/>
            <pc:sldMk cId="2593592056" sldId="528"/>
            <ac:spMk id="10" creationId="{1073FC46-8D35-77C1-474A-8D16974240D1}"/>
          </ac:spMkLst>
        </pc:spChg>
        <pc:spChg chg="add del mod ord">
          <ac:chgData name="Matias Vázquez Piñón" userId="2f86a967-3c9c-4a39-b538-7e6c0574d83d" providerId="ADAL" clId="{B0EC83BE-3AC5-42EC-8408-8B0ACB640EA4}" dt="2022-07-17T14:02:34.974" v="4084" actId="931"/>
          <ac:spMkLst>
            <pc:docMk/>
            <pc:sldMk cId="2593592056" sldId="528"/>
            <ac:spMk id="11" creationId="{6A1B2669-8053-7F0F-F318-F02A8B8399D1}"/>
          </ac:spMkLst>
        </pc:spChg>
        <pc:spChg chg="add del mod ord">
          <ac:chgData name="Matias Vázquez Piñón" userId="2f86a967-3c9c-4a39-b538-7e6c0574d83d" providerId="ADAL" clId="{B0EC83BE-3AC5-42EC-8408-8B0ACB640EA4}" dt="2022-07-17T14:04:16.849" v="4093" actId="931"/>
          <ac:spMkLst>
            <pc:docMk/>
            <pc:sldMk cId="2593592056" sldId="528"/>
            <ac:spMk id="12" creationId="{E3D5902B-58AF-18E5-D4C3-3DFC3107C037}"/>
          </ac:spMkLst>
        </pc:spChg>
        <pc:spChg chg="add del mod">
          <ac:chgData name="Matias Vázquez Piñón" userId="2f86a967-3c9c-4a39-b538-7e6c0574d83d" providerId="ADAL" clId="{B0EC83BE-3AC5-42EC-8408-8B0ACB640EA4}" dt="2022-07-17T14:03:21.852" v="4092" actId="931"/>
          <ac:spMkLst>
            <pc:docMk/>
            <pc:sldMk cId="2593592056" sldId="528"/>
            <ac:spMk id="16" creationId="{8DEE0E66-AABC-9CCF-F4B5-4D7A8299E833}"/>
          </ac:spMkLst>
        </pc:spChg>
        <pc:graphicFrameChg chg="add del mod modGraphic">
          <ac:chgData name="Matias Vázquez Piñón" userId="2f86a967-3c9c-4a39-b538-7e6c0574d83d" providerId="ADAL" clId="{B0EC83BE-3AC5-42EC-8408-8B0ACB640EA4}" dt="2022-07-17T13:52:35.454" v="3739" actId="1032"/>
          <ac:graphicFrameMkLst>
            <pc:docMk/>
            <pc:sldMk cId="2593592056" sldId="528"/>
            <ac:graphicFrameMk id="13" creationId="{7EB943DF-B85C-7F47-BA30-C42325C4C3EC}"/>
          </ac:graphicFrameMkLst>
        </pc:graphicFrameChg>
        <pc:picChg chg="add del mod ord">
          <ac:chgData name="Matias Vázquez Piñón" userId="2f86a967-3c9c-4a39-b538-7e6c0574d83d" providerId="ADAL" clId="{B0EC83BE-3AC5-42EC-8408-8B0ACB640EA4}" dt="2022-07-17T13:27:41.504" v="2638" actId="478"/>
          <ac:picMkLst>
            <pc:docMk/>
            <pc:sldMk cId="2593592056" sldId="528"/>
            <ac:picMk id="5" creationId="{FDB329B7-7159-E1C1-329F-2249894D35FC}"/>
          </ac:picMkLst>
        </pc:picChg>
        <pc:picChg chg="add del mod">
          <ac:chgData name="Matias Vázquez Piñón" userId="2f86a967-3c9c-4a39-b538-7e6c0574d83d" providerId="ADAL" clId="{B0EC83BE-3AC5-42EC-8408-8B0ACB640EA4}" dt="2022-07-17T13:26:44.018" v="2635" actId="21"/>
          <ac:picMkLst>
            <pc:docMk/>
            <pc:sldMk cId="2593592056" sldId="528"/>
            <ac:picMk id="7" creationId="{5906D868-2C0C-7A0D-8F6B-A70549AF97DC}"/>
          </ac:picMkLst>
        </pc:picChg>
        <pc:picChg chg="add del mod">
          <ac:chgData name="Matias Vázquez Piñón" userId="2f86a967-3c9c-4a39-b538-7e6c0574d83d" providerId="ADAL" clId="{B0EC83BE-3AC5-42EC-8408-8B0ACB640EA4}" dt="2022-07-17T13:28:52.205" v="2661" actId="21"/>
          <ac:picMkLst>
            <pc:docMk/>
            <pc:sldMk cId="2593592056" sldId="528"/>
            <ac:picMk id="8" creationId="{9E6F3092-967D-8842-04C5-5825718C5F5B}"/>
          </ac:picMkLst>
        </pc:picChg>
        <pc:picChg chg="add del">
          <ac:chgData name="Matias Vázquez Piñón" userId="2f86a967-3c9c-4a39-b538-7e6c0574d83d" providerId="ADAL" clId="{B0EC83BE-3AC5-42EC-8408-8B0ACB640EA4}" dt="2022-07-17T13:28:56.230" v="2663" actId="21"/>
          <ac:picMkLst>
            <pc:docMk/>
            <pc:sldMk cId="2593592056" sldId="528"/>
            <ac:picMk id="9" creationId="{9DB2CDE6-5880-6B45-C87C-1606096908CA}"/>
          </ac:picMkLst>
        </pc:picChg>
        <pc:picChg chg="add del mod">
          <ac:chgData name="Matias Vázquez Piñón" userId="2f86a967-3c9c-4a39-b538-7e6c0574d83d" providerId="ADAL" clId="{B0EC83BE-3AC5-42EC-8408-8B0ACB640EA4}" dt="2022-07-17T14:02:40.958" v="4085" actId="21"/>
          <ac:picMkLst>
            <pc:docMk/>
            <pc:sldMk cId="2593592056" sldId="528"/>
            <ac:picMk id="15" creationId="{93C7C283-846E-B733-FC10-439AAD637D9B}"/>
          </ac:picMkLst>
        </pc:picChg>
        <pc:picChg chg="add del mod">
          <ac:chgData name="Matias Vázquez Piñón" userId="2f86a967-3c9c-4a39-b538-7e6c0574d83d" providerId="ADAL" clId="{B0EC83BE-3AC5-42EC-8408-8B0ACB640EA4}" dt="2022-07-17T14:02:55.155" v="4091" actId="478"/>
          <ac:picMkLst>
            <pc:docMk/>
            <pc:sldMk cId="2593592056" sldId="528"/>
            <ac:picMk id="17" creationId="{9F20CCD6-43C8-133E-10D6-D9FCB649368B}"/>
          </ac:picMkLst>
        </pc:picChg>
        <pc:picChg chg="add mod">
          <ac:chgData name="Matias Vázquez Piñón" userId="2f86a967-3c9c-4a39-b538-7e6c0574d83d" providerId="ADAL" clId="{B0EC83BE-3AC5-42EC-8408-8B0ACB640EA4}" dt="2022-07-17T14:03:21.852" v="4092" actId="931"/>
          <ac:picMkLst>
            <pc:docMk/>
            <pc:sldMk cId="2593592056" sldId="528"/>
            <ac:picMk id="19" creationId="{F2F8C550-CB14-2089-FB32-AEB80CE5BCDE}"/>
          </ac:picMkLst>
        </pc:picChg>
        <pc:picChg chg="add mod">
          <ac:chgData name="Matias Vázquez Piñón" userId="2f86a967-3c9c-4a39-b538-7e6c0574d83d" providerId="ADAL" clId="{B0EC83BE-3AC5-42EC-8408-8B0ACB640EA4}" dt="2022-07-17T14:04:16.849" v="4093" actId="931"/>
          <ac:picMkLst>
            <pc:docMk/>
            <pc:sldMk cId="2593592056" sldId="528"/>
            <ac:picMk id="21" creationId="{BCCB18C6-B775-710D-30BE-B20BC1688250}"/>
          </ac:picMkLst>
        </pc:picChg>
      </pc:sldChg>
      <pc:sldChg chg="addSp delSp modSp new del mod modClrScheme chgLayout">
        <pc:chgData name="Matias Vázquez Piñón" userId="2f86a967-3c9c-4a39-b538-7e6c0574d83d" providerId="ADAL" clId="{B0EC83BE-3AC5-42EC-8408-8B0ACB640EA4}" dt="2022-07-27T20:12:35.879" v="7506" actId="47"/>
        <pc:sldMkLst>
          <pc:docMk/>
          <pc:sldMk cId="2166140154" sldId="529"/>
        </pc:sldMkLst>
        <pc:spChg chg="mod ord">
          <ac:chgData name="Matias Vázquez Piñón" userId="2f86a967-3c9c-4a39-b538-7e6c0574d83d" providerId="ADAL" clId="{B0EC83BE-3AC5-42EC-8408-8B0ACB640EA4}" dt="2022-07-17T15:40:30.973" v="4822" actId="20577"/>
          <ac:spMkLst>
            <pc:docMk/>
            <pc:sldMk cId="2166140154" sldId="529"/>
            <ac:spMk id="2" creationId="{3FC1A7F9-634F-7D4C-0E1B-98F0180380F2}"/>
          </ac:spMkLst>
        </pc:spChg>
        <pc:spChg chg="del">
          <ac:chgData name="Matias Vázquez Piñón" userId="2f86a967-3c9c-4a39-b538-7e6c0574d83d" providerId="ADAL" clId="{B0EC83BE-3AC5-42EC-8408-8B0ACB640EA4}" dt="2022-07-17T14:38:11.385" v="4095" actId="1032"/>
          <ac:spMkLst>
            <pc:docMk/>
            <pc:sldMk cId="2166140154" sldId="529"/>
            <ac:spMk id="3" creationId="{504ADA22-3D95-5BAE-6088-E8135B435EED}"/>
          </ac:spMkLst>
        </pc:spChg>
        <pc:spChg chg="mod ord">
          <ac:chgData name="Matias Vázquez Piñón" userId="2f86a967-3c9c-4a39-b538-7e6c0574d83d" providerId="ADAL" clId="{B0EC83BE-3AC5-42EC-8408-8B0ACB640EA4}" dt="2022-07-17T15:31:49.212" v="4688" actId="700"/>
          <ac:spMkLst>
            <pc:docMk/>
            <pc:sldMk cId="2166140154" sldId="529"/>
            <ac:spMk id="4" creationId="{A419A30F-BE1A-1D44-EB1C-0F4D19D7C9AA}"/>
          </ac:spMkLst>
        </pc:spChg>
        <pc:spChg chg="add del mod ord">
          <ac:chgData name="Matias Vázquez Piñón" userId="2f86a967-3c9c-4a39-b538-7e6c0574d83d" providerId="ADAL" clId="{B0EC83BE-3AC5-42EC-8408-8B0ACB640EA4}" dt="2022-07-17T15:26:31.559" v="4627" actId="22"/>
          <ac:spMkLst>
            <pc:docMk/>
            <pc:sldMk cId="2166140154" sldId="529"/>
            <ac:spMk id="15" creationId="{62BBB8C4-02E6-2AD9-246A-A4322F9F7FFF}"/>
          </ac:spMkLst>
        </pc:spChg>
        <pc:spChg chg="add mod ord">
          <ac:chgData name="Matias Vázquez Piñón" userId="2f86a967-3c9c-4a39-b538-7e6c0574d83d" providerId="ADAL" clId="{B0EC83BE-3AC5-42EC-8408-8B0ACB640EA4}" dt="2022-07-17T15:40:01.634" v="4816" actId="1076"/>
          <ac:spMkLst>
            <pc:docMk/>
            <pc:sldMk cId="2166140154" sldId="529"/>
            <ac:spMk id="18" creationId="{D9F2F174-BA29-304D-52AB-8DC61F42BBBD}"/>
          </ac:spMkLst>
        </pc:spChg>
        <pc:spChg chg="add del mod">
          <ac:chgData name="Matias Vázquez Piñón" userId="2f86a967-3c9c-4a39-b538-7e6c0574d83d" providerId="ADAL" clId="{B0EC83BE-3AC5-42EC-8408-8B0ACB640EA4}" dt="2022-07-17T15:32:22.418" v="4697" actId="478"/>
          <ac:spMkLst>
            <pc:docMk/>
            <pc:sldMk cId="2166140154" sldId="529"/>
            <ac:spMk id="19" creationId="{76FBCFD0-EFDC-783D-5DBF-E2F692C9FD86}"/>
          </ac:spMkLst>
        </pc:spChg>
        <pc:spChg chg="add del mod ord">
          <ac:chgData name="Matias Vázquez Piñón" userId="2f86a967-3c9c-4a39-b538-7e6c0574d83d" providerId="ADAL" clId="{B0EC83BE-3AC5-42EC-8408-8B0ACB640EA4}" dt="2022-07-17T15:32:29.732" v="4701"/>
          <ac:spMkLst>
            <pc:docMk/>
            <pc:sldMk cId="2166140154" sldId="529"/>
            <ac:spMk id="20" creationId="{39948A68-E7AA-4BF5-F036-04C166B53894}"/>
          </ac:spMkLst>
        </pc:spChg>
        <pc:spChg chg="add del mod">
          <ac:chgData name="Matias Vázquez Piñón" userId="2f86a967-3c9c-4a39-b538-7e6c0574d83d" providerId="ADAL" clId="{B0EC83BE-3AC5-42EC-8408-8B0ACB640EA4}" dt="2022-07-17T15:32:26.186" v="4699"/>
          <ac:spMkLst>
            <pc:docMk/>
            <pc:sldMk cId="2166140154" sldId="529"/>
            <ac:spMk id="21" creationId="{3200B918-7016-B198-6F8E-CE42B6B4E3EF}"/>
          </ac:spMkLst>
        </pc:spChg>
        <pc:spChg chg="add mod ord">
          <ac:chgData name="Matias Vázquez Piñón" userId="2f86a967-3c9c-4a39-b538-7e6c0574d83d" providerId="ADAL" clId="{B0EC83BE-3AC5-42EC-8408-8B0ACB640EA4}" dt="2022-07-17T16:22:43.471" v="6248" actId="14100"/>
          <ac:spMkLst>
            <pc:docMk/>
            <pc:sldMk cId="2166140154" sldId="529"/>
            <ac:spMk id="22" creationId="{744134AD-5957-A1B5-AC72-825FA5A50647}"/>
          </ac:spMkLst>
        </pc:spChg>
        <pc:spChg chg="add del mod">
          <ac:chgData name="Matias Vázquez Piñón" userId="2f86a967-3c9c-4a39-b538-7e6c0574d83d" providerId="ADAL" clId="{B0EC83BE-3AC5-42EC-8408-8B0ACB640EA4}" dt="2022-07-17T16:14:25.977" v="6068" actId="478"/>
          <ac:spMkLst>
            <pc:docMk/>
            <pc:sldMk cId="2166140154" sldId="529"/>
            <ac:spMk id="23" creationId="{44952146-95A0-4E82-4B94-E9FE51CD5EF7}"/>
          </ac:spMkLst>
        </pc:spChg>
        <pc:spChg chg="add del mod">
          <ac:chgData name="Matias Vázquez Piñón" userId="2f86a967-3c9c-4a39-b538-7e6c0574d83d" providerId="ADAL" clId="{B0EC83BE-3AC5-42EC-8408-8B0ACB640EA4}" dt="2022-07-17T15:39:21.344" v="4810"/>
          <ac:spMkLst>
            <pc:docMk/>
            <pc:sldMk cId="2166140154" sldId="529"/>
            <ac:spMk id="32" creationId="{5B37D833-0D14-A549-BDD6-1EA67D2150B2}"/>
          </ac:spMkLst>
        </pc:spChg>
        <pc:spChg chg="add mod">
          <ac:chgData name="Matias Vázquez Piñón" userId="2f86a967-3c9c-4a39-b538-7e6c0574d83d" providerId="ADAL" clId="{B0EC83BE-3AC5-42EC-8408-8B0ACB640EA4}" dt="2022-07-17T15:40:01.634" v="4816" actId="1076"/>
          <ac:spMkLst>
            <pc:docMk/>
            <pc:sldMk cId="2166140154" sldId="529"/>
            <ac:spMk id="33" creationId="{24D5D68C-0208-071B-1FD7-1B55D3255541}"/>
          </ac:spMkLst>
        </pc:spChg>
        <pc:spChg chg="add del mod">
          <ac:chgData name="Matias Vázquez Piñón" userId="2f86a967-3c9c-4a39-b538-7e6c0574d83d" providerId="ADAL" clId="{B0EC83BE-3AC5-42EC-8408-8B0ACB640EA4}" dt="2022-07-17T16:14:27.717" v="6069" actId="478"/>
          <ac:spMkLst>
            <pc:docMk/>
            <pc:sldMk cId="2166140154" sldId="529"/>
            <ac:spMk id="34" creationId="{402AE252-D9D9-D3D3-A814-4326047454A4}"/>
          </ac:spMkLst>
        </pc:spChg>
        <pc:spChg chg="add del mod">
          <ac:chgData name="Matias Vázquez Piñón" userId="2f86a967-3c9c-4a39-b538-7e6c0574d83d" providerId="ADAL" clId="{B0EC83BE-3AC5-42EC-8408-8B0ACB640EA4}" dt="2022-07-17T16:08:14.940" v="5866"/>
          <ac:spMkLst>
            <pc:docMk/>
            <pc:sldMk cId="2166140154" sldId="529"/>
            <ac:spMk id="35" creationId="{FDE64155-7232-6989-4E04-42544C310454}"/>
          </ac:spMkLst>
        </pc:spChg>
        <pc:spChg chg="add mod">
          <ac:chgData name="Matias Vázquez Piñón" userId="2f86a967-3c9c-4a39-b538-7e6c0574d83d" providerId="ADAL" clId="{B0EC83BE-3AC5-42EC-8408-8B0ACB640EA4}" dt="2022-07-17T16:22:35.053" v="6247" actId="1037"/>
          <ac:spMkLst>
            <pc:docMk/>
            <pc:sldMk cId="2166140154" sldId="529"/>
            <ac:spMk id="36" creationId="{4BD4872D-B636-7B87-9A12-5B7A1A9C7EEB}"/>
          </ac:spMkLst>
        </pc:spChg>
        <pc:spChg chg="add mod">
          <ac:chgData name="Matias Vázquez Piñón" userId="2f86a967-3c9c-4a39-b538-7e6c0574d83d" providerId="ADAL" clId="{B0EC83BE-3AC5-42EC-8408-8B0ACB640EA4}" dt="2022-07-17T16:22:35.053" v="6247" actId="1037"/>
          <ac:spMkLst>
            <pc:docMk/>
            <pc:sldMk cId="2166140154" sldId="529"/>
            <ac:spMk id="43" creationId="{CB23B31F-F687-DA65-F19C-ECE49D1D666C}"/>
          </ac:spMkLst>
        </pc:spChg>
        <pc:spChg chg="add mod">
          <ac:chgData name="Matias Vázquez Piñón" userId="2f86a967-3c9c-4a39-b538-7e6c0574d83d" providerId="ADAL" clId="{B0EC83BE-3AC5-42EC-8408-8B0ACB640EA4}" dt="2022-07-17T16:22:35.053" v="6247" actId="1037"/>
          <ac:spMkLst>
            <pc:docMk/>
            <pc:sldMk cId="2166140154" sldId="529"/>
            <ac:spMk id="44" creationId="{D648C89D-37DE-F9CC-2086-869808A898C5}"/>
          </ac:spMkLst>
        </pc:spChg>
        <pc:spChg chg="add mod">
          <ac:chgData name="Matias Vázquez Piñón" userId="2f86a967-3c9c-4a39-b538-7e6c0574d83d" providerId="ADAL" clId="{B0EC83BE-3AC5-42EC-8408-8B0ACB640EA4}" dt="2022-07-17T16:22:52.614" v="6250" actId="1076"/>
          <ac:spMkLst>
            <pc:docMk/>
            <pc:sldMk cId="2166140154" sldId="529"/>
            <ac:spMk id="46" creationId="{C8D9936C-6F9D-085B-4356-DE64C83063DA}"/>
          </ac:spMkLst>
        </pc:spChg>
        <pc:spChg chg="add mod">
          <ac:chgData name="Matias Vázquez Piñón" userId="2f86a967-3c9c-4a39-b538-7e6c0574d83d" providerId="ADAL" clId="{B0EC83BE-3AC5-42EC-8408-8B0ACB640EA4}" dt="2022-07-17T16:23:08.693" v="6254" actId="1076"/>
          <ac:spMkLst>
            <pc:docMk/>
            <pc:sldMk cId="2166140154" sldId="529"/>
            <ac:spMk id="47" creationId="{2610447D-A076-06CF-7910-3A9AFBA39C9D}"/>
          </ac:spMkLst>
        </pc:spChg>
        <pc:spChg chg="add mod">
          <ac:chgData name="Matias Vázquez Piñón" userId="2f86a967-3c9c-4a39-b538-7e6c0574d83d" providerId="ADAL" clId="{B0EC83BE-3AC5-42EC-8408-8B0ACB640EA4}" dt="2022-07-17T16:23:31.087" v="6258" actId="1076"/>
          <ac:spMkLst>
            <pc:docMk/>
            <pc:sldMk cId="2166140154" sldId="529"/>
            <ac:spMk id="48" creationId="{0242EAAA-D18F-4810-F5B6-7B94366EA34C}"/>
          </ac:spMkLst>
        </pc:spChg>
        <pc:spChg chg="add mod">
          <ac:chgData name="Matias Vázquez Piñón" userId="2f86a967-3c9c-4a39-b538-7e6c0574d83d" providerId="ADAL" clId="{B0EC83BE-3AC5-42EC-8408-8B0ACB640EA4}" dt="2022-07-17T16:23:39.304" v="6259" actId="1076"/>
          <ac:spMkLst>
            <pc:docMk/>
            <pc:sldMk cId="2166140154" sldId="529"/>
            <ac:spMk id="49" creationId="{796F43E8-4789-F787-A553-2E9B53F43404}"/>
          </ac:spMkLst>
        </pc:spChg>
        <pc:spChg chg="add mod">
          <ac:chgData name="Matias Vázquez Piñón" userId="2f86a967-3c9c-4a39-b538-7e6c0574d83d" providerId="ADAL" clId="{B0EC83BE-3AC5-42EC-8408-8B0ACB640EA4}" dt="2022-07-17T16:23:24.232" v="6257" actId="1076"/>
          <ac:spMkLst>
            <pc:docMk/>
            <pc:sldMk cId="2166140154" sldId="529"/>
            <ac:spMk id="50" creationId="{D25A7105-7179-C64A-F4C2-D0C7571E4086}"/>
          </ac:spMkLst>
        </pc:spChg>
        <pc:spChg chg="add mod">
          <ac:chgData name="Matias Vázquez Piñón" userId="2f86a967-3c9c-4a39-b538-7e6c0574d83d" providerId="ADAL" clId="{B0EC83BE-3AC5-42EC-8408-8B0ACB640EA4}" dt="2022-07-17T16:22:35.053" v="6247" actId="1037"/>
          <ac:spMkLst>
            <pc:docMk/>
            <pc:sldMk cId="2166140154" sldId="529"/>
            <ac:spMk id="51" creationId="{AEE44BDE-800E-5321-5FF5-C15894F5D0F4}"/>
          </ac:spMkLst>
        </pc:spChg>
        <pc:spChg chg="add mod">
          <ac:chgData name="Matias Vázquez Piñón" userId="2f86a967-3c9c-4a39-b538-7e6c0574d83d" providerId="ADAL" clId="{B0EC83BE-3AC5-42EC-8408-8B0ACB640EA4}" dt="2022-07-17T16:23:15.376" v="6255" actId="1076"/>
          <ac:spMkLst>
            <pc:docMk/>
            <pc:sldMk cId="2166140154" sldId="529"/>
            <ac:spMk id="109" creationId="{9C1BAB58-6107-9F95-7003-57BDFD758B97}"/>
          </ac:spMkLst>
        </pc:spChg>
        <pc:spChg chg="add mod">
          <ac:chgData name="Matias Vázquez Piñón" userId="2f86a967-3c9c-4a39-b538-7e6c0574d83d" providerId="ADAL" clId="{B0EC83BE-3AC5-42EC-8408-8B0ACB640EA4}" dt="2022-07-17T16:23:20.384" v="6256" actId="1076"/>
          <ac:spMkLst>
            <pc:docMk/>
            <pc:sldMk cId="2166140154" sldId="529"/>
            <ac:spMk id="110" creationId="{CED0C5C3-D646-6EE2-6AF4-E3EB9F6F65F7}"/>
          </ac:spMkLst>
        </pc:spChg>
        <pc:spChg chg="add mod">
          <ac:chgData name="Matias Vázquez Piñón" userId="2f86a967-3c9c-4a39-b538-7e6c0574d83d" providerId="ADAL" clId="{B0EC83BE-3AC5-42EC-8408-8B0ACB640EA4}" dt="2022-07-17T16:25:42.928" v="6328" actId="1076"/>
          <ac:spMkLst>
            <pc:docMk/>
            <pc:sldMk cId="2166140154" sldId="529"/>
            <ac:spMk id="151" creationId="{3D014FE5-FD33-D618-F991-47F1FADA4E4F}"/>
          </ac:spMkLst>
        </pc:spChg>
        <pc:spChg chg="add del mod">
          <ac:chgData name="Matias Vázquez Piñón" userId="2f86a967-3c9c-4a39-b538-7e6c0574d83d" providerId="ADAL" clId="{B0EC83BE-3AC5-42EC-8408-8B0ACB640EA4}" dt="2022-07-17T16:26:11.306" v="6348" actId="21"/>
          <ac:spMkLst>
            <pc:docMk/>
            <pc:sldMk cId="2166140154" sldId="529"/>
            <ac:spMk id="152" creationId="{17B384FA-7577-B36A-82E5-B7BE037A6650}"/>
          </ac:spMkLst>
        </pc:spChg>
        <pc:spChg chg="add mod">
          <ac:chgData name="Matias Vázquez Piñón" userId="2f86a967-3c9c-4a39-b538-7e6c0574d83d" providerId="ADAL" clId="{B0EC83BE-3AC5-42EC-8408-8B0ACB640EA4}" dt="2022-07-17T16:27:13.125" v="6413" actId="1076"/>
          <ac:spMkLst>
            <pc:docMk/>
            <pc:sldMk cId="2166140154" sldId="529"/>
            <ac:spMk id="153" creationId="{55426F8A-0FA0-8C6F-1441-28AAEEA3BF28}"/>
          </ac:spMkLst>
        </pc:spChg>
        <pc:grpChg chg="mod">
          <ac:chgData name="Matias Vázquez Piñón" userId="2f86a967-3c9c-4a39-b538-7e6c0574d83d" providerId="ADAL" clId="{B0EC83BE-3AC5-42EC-8408-8B0ACB640EA4}" dt="2022-07-17T16:17:14.508" v="6086"/>
          <ac:grpSpMkLst>
            <pc:docMk/>
            <pc:sldMk cId="2166140154" sldId="529"/>
            <ac:grpSpMk id="55" creationId="{B77E3F1E-5B13-6EFD-9FFF-BEC8D5B4B858}"/>
          </ac:grpSpMkLst>
        </pc:grpChg>
        <pc:grpChg chg="mod">
          <ac:chgData name="Matias Vázquez Piñón" userId="2f86a967-3c9c-4a39-b538-7e6c0574d83d" providerId="ADAL" clId="{B0EC83BE-3AC5-42EC-8408-8B0ACB640EA4}" dt="2022-07-17T16:17:27.701" v="6093"/>
          <ac:grpSpMkLst>
            <pc:docMk/>
            <pc:sldMk cId="2166140154" sldId="529"/>
            <ac:grpSpMk id="59" creationId="{83955345-EAC6-56BA-39D4-9C418C1E1069}"/>
          </ac:grpSpMkLst>
        </pc:grpChg>
        <pc:grpChg chg="mod">
          <ac:chgData name="Matias Vázquez Piñón" userId="2f86a967-3c9c-4a39-b538-7e6c0574d83d" providerId="ADAL" clId="{B0EC83BE-3AC5-42EC-8408-8B0ACB640EA4}" dt="2022-07-17T16:24:11.269" v="6285"/>
          <ac:grpSpMkLst>
            <pc:docMk/>
            <pc:sldMk cId="2166140154" sldId="529"/>
            <ac:grpSpMk id="66" creationId="{B1341B88-3C9A-C9DA-02BD-1F6470619F3E}"/>
          </ac:grpSpMkLst>
        </pc:grpChg>
        <pc:grpChg chg="mod">
          <ac:chgData name="Matias Vázquez Piñón" userId="2f86a967-3c9c-4a39-b538-7e6c0574d83d" providerId="ADAL" clId="{B0EC83BE-3AC5-42EC-8408-8B0ACB640EA4}" dt="2022-07-17T16:24:15.767" v="6291"/>
          <ac:grpSpMkLst>
            <pc:docMk/>
            <pc:sldMk cId="2166140154" sldId="529"/>
            <ac:grpSpMk id="69" creationId="{67AE8F0F-1681-628D-DA94-9DF8A1CA73E3}"/>
          </ac:grpSpMkLst>
        </pc:grpChg>
        <pc:grpChg chg="mod">
          <ac:chgData name="Matias Vázquez Piñón" userId="2f86a967-3c9c-4a39-b538-7e6c0574d83d" providerId="ADAL" clId="{B0EC83BE-3AC5-42EC-8408-8B0ACB640EA4}" dt="2022-07-17T16:24:18.224" v="6293"/>
          <ac:grpSpMkLst>
            <pc:docMk/>
            <pc:sldMk cId="2166140154" sldId="529"/>
            <ac:grpSpMk id="71" creationId="{68BD1057-57FB-52A4-E9BD-86CB2DF9CB0C}"/>
          </ac:grpSpMkLst>
        </pc:grpChg>
        <pc:grpChg chg="mod">
          <ac:chgData name="Matias Vázquez Piñón" userId="2f86a967-3c9c-4a39-b538-7e6c0574d83d" providerId="ADAL" clId="{B0EC83BE-3AC5-42EC-8408-8B0ACB640EA4}" dt="2022-07-17T16:24:24.640" v="6296"/>
          <ac:grpSpMkLst>
            <pc:docMk/>
            <pc:sldMk cId="2166140154" sldId="529"/>
            <ac:grpSpMk id="74" creationId="{6D1BADF0-95ED-0648-EEAD-BD1FC4A770AA}"/>
          </ac:grpSpMkLst>
        </pc:grpChg>
        <pc:grpChg chg="mod">
          <ac:chgData name="Matias Vázquez Piñón" userId="2f86a967-3c9c-4a39-b538-7e6c0574d83d" providerId="ADAL" clId="{B0EC83BE-3AC5-42EC-8408-8B0ACB640EA4}" dt="2022-07-17T16:24:32.422" v="6301"/>
          <ac:grpSpMkLst>
            <pc:docMk/>
            <pc:sldMk cId="2166140154" sldId="529"/>
            <ac:grpSpMk id="77" creationId="{C1AF796E-7B59-E464-650F-276E2B86AC75}"/>
          </ac:grpSpMkLst>
        </pc:grpChg>
        <pc:grpChg chg="mod">
          <ac:chgData name="Matias Vázquez Piñón" userId="2f86a967-3c9c-4a39-b538-7e6c0574d83d" providerId="ADAL" clId="{B0EC83BE-3AC5-42EC-8408-8B0ACB640EA4}" dt="2022-07-17T16:24:48.660" v="6311"/>
          <ac:grpSpMkLst>
            <pc:docMk/>
            <pc:sldMk cId="2166140154" sldId="529"/>
            <ac:grpSpMk id="84" creationId="{C5F16E8D-127D-0664-72FA-D86EE44A0F51}"/>
          </ac:grpSpMkLst>
        </pc:grpChg>
        <pc:grpChg chg="del mod">
          <ac:chgData name="Matias Vázquez Piñón" userId="2f86a967-3c9c-4a39-b538-7e6c0574d83d" providerId="ADAL" clId="{B0EC83BE-3AC5-42EC-8408-8B0ACB640EA4}" dt="2022-07-17T16:29:12.669" v="6450" actId="478"/>
          <ac:grpSpMkLst>
            <pc:docMk/>
            <pc:sldMk cId="2166140154" sldId="529"/>
            <ac:grpSpMk id="87" creationId="{BD2839E9-A7A9-214C-C465-5AE8CF1659B0}"/>
          </ac:grpSpMkLst>
        </pc:grpChg>
        <pc:grpChg chg="del mod">
          <ac:chgData name="Matias Vázquez Piñón" userId="2f86a967-3c9c-4a39-b538-7e6c0574d83d" providerId="ADAL" clId="{B0EC83BE-3AC5-42EC-8408-8B0ACB640EA4}" dt="2022-07-17T16:27:48.920" v="6437"/>
          <ac:grpSpMkLst>
            <pc:docMk/>
            <pc:sldMk cId="2166140154" sldId="529"/>
            <ac:grpSpMk id="98" creationId="{97AB8082-1E43-874B-77AF-016B5F8EBF1C}"/>
          </ac:grpSpMkLst>
        </pc:grpChg>
        <pc:grpChg chg="del mod">
          <ac:chgData name="Matias Vázquez Piñón" userId="2f86a967-3c9c-4a39-b538-7e6c0574d83d" providerId="ADAL" clId="{B0EC83BE-3AC5-42EC-8408-8B0ACB640EA4}" dt="2022-07-17T16:28:51.087" v="6442" actId="478"/>
          <ac:grpSpMkLst>
            <pc:docMk/>
            <pc:sldMk cId="2166140154" sldId="529"/>
            <ac:grpSpMk id="100" creationId="{68085858-4518-39BC-4E96-AC742DDBAF12}"/>
          </ac:grpSpMkLst>
        </pc:grpChg>
        <pc:grpChg chg="del mod">
          <ac:chgData name="Matias Vázquez Piñón" userId="2f86a967-3c9c-4a39-b538-7e6c0574d83d" providerId="ADAL" clId="{B0EC83BE-3AC5-42EC-8408-8B0ACB640EA4}" dt="2022-07-17T16:29:25.028" v="6454" actId="478"/>
          <ac:grpSpMkLst>
            <pc:docMk/>
            <pc:sldMk cId="2166140154" sldId="529"/>
            <ac:grpSpMk id="107" creationId="{B0A5984E-AD97-D00F-0F5C-A8AC023E9198}"/>
          </ac:grpSpMkLst>
        </pc:grpChg>
        <pc:grpChg chg="mod">
          <ac:chgData name="Matias Vázquez Piñón" userId="2f86a967-3c9c-4a39-b538-7e6c0574d83d" providerId="ADAL" clId="{B0EC83BE-3AC5-42EC-8408-8B0ACB640EA4}" dt="2022-07-17T16:29:18.238" v="6453"/>
          <ac:grpSpMkLst>
            <pc:docMk/>
            <pc:sldMk cId="2166140154" sldId="529"/>
            <ac:grpSpMk id="112" creationId="{EB1F5AEC-F44F-A290-4451-0D2C84583EDC}"/>
          </ac:grpSpMkLst>
        </pc:grpChg>
        <pc:grpChg chg="mod">
          <ac:chgData name="Matias Vázquez Piñón" userId="2f86a967-3c9c-4a39-b538-7e6c0574d83d" providerId="ADAL" clId="{B0EC83BE-3AC5-42EC-8408-8B0ACB640EA4}" dt="2022-07-17T16:29:34.903" v="6459"/>
          <ac:grpSpMkLst>
            <pc:docMk/>
            <pc:sldMk cId="2166140154" sldId="529"/>
            <ac:grpSpMk id="116" creationId="{00BD3FED-C1A1-E19F-61EE-F5413687DE5F}"/>
          </ac:grpSpMkLst>
        </pc:grpChg>
        <pc:grpChg chg="mod">
          <ac:chgData name="Matias Vázquez Piñón" userId="2f86a967-3c9c-4a39-b538-7e6c0574d83d" providerId="ADAL" clId="{B0EC83BE-3AC5-42EC-8408-8B0ACB640EA4}" dt="2022-07-17T16:17:52.044" v="6109"/>
          <ac:grpSpMkLst>
            <pc:docMk/>
            <pc:sldMk cId="2166140154" sldId="529"/>
            <ac:grpSpMk id="5127" creationId="{36485D64-FA4E-B76A-0936-DA24550162D3}"/>
          </ac:grpSpMkLst>
        </pc:grpChg>
        <pc:grpChg chg="mod">
          <ac:chgData name="Matias Vázquez Piñón" userId="2f86a967-3c9c-4a39-b538-7e6c0574d83d" providerId="ADAL" clId="{B0EC83BE-3AC5-42EC-8408-8B0ACB640EA4}" dt="2022-07-17T16:18:24.991" v="6127"/>
          <ac:grpSpMkLst>
            <pc:docMk/>
            <pc:sldMk cId="2166140154" sldId="529"/>
            <ac:grpSpMk id="5139" creationId="{14854184-447D-0641-BF48-706CCC33C8ED}"/>
          </ac:grpSpMkLst>
        </pc:grpChg>
        <pc:grpChg chg="add del mod">
          <ac:chgData name="Matias Vázquez Piñón" userId="2f86a967-3c9c-4a39-b538-7e6c0574d83d" providerId="ADAL" clId="{B0EC83BE-3AC5-42EC-8408-8B0ACB640EA4}" dt="2022-07-17T16:22:54.561" v="6251" actId="478"/>
          <ac:grpSpMkLst>
            <pc:docMk/>
            <pc:sldMk cId="2166140154" sldId="529"/>
            <ac:grpSpMk id="5142" creationId="{DDA64CE8-383C-C3B7-7206-40497BF03164}"/>
          </ac:grpSpMkLst>
        </pc:grpChg>
        <pc:grpChg chg="mod">
          <ac:chgData name="Matias Vázquez Piñón" userId="2f86a967-3c9c-4a39-b538-7e6c0574d83d" providerId="ADAL" clId="{B0EC83BE-3AC5-42EC-8408-8B0ACB640EA4}" dt="2022-07-17T16:18:46.034" v="6136"/>
          <ac:grpSpMkLst>
            <pc:docMk/>
            <pc:sldMk cId="2166140154" sldId="529"/>
            <ac:grpSpMk id="5145" creationId="{FBB59A5C-F004-19C2-A227-7797DB69D80A}"/>
          </ac:grpSpMkLst>
        </pc:grpChg>
        <pc:grpChg chg="mod">
          <ac:chgData name="Matias Vázquez Piñón" userId="2f86a967-3c9c-4a39-b538-7e6c0574d83d" providerId="ADAL" clId="{B0EC83BE-3AC5-42EC-8408-8B0ACB640EA4}" dt="2022-07-17T16:18:51.758" v="6142"/>
          <ac:grpSpMkLst>
            <pc:docMk/>
            <pc:sldMk cId="2166140154" sldId="529"/>
            <ac:grpSpMk id="5148" creationId="{EBABA63C-0AE8-80A3-47D2-5841C6D39AD6}"/>
          </ac:grpSpMkLst>
        </pc:grpChg>
        <pc:grpChg chg="mod">
          <ac:chgData name="Matias Vázquez Piñón" userId="2f86a967-3c9c-4a39-b538-7e6c0574d83d" providerId="ADAL" clId="{B0EC83BE-3AC5-42EC-8408-8B0ACB640EA4}" dt="2022-07-17T16:19:14.363" v="6150"/>
          <ac:grpSpMkLst>
            <pc:docMk/>
            <pc:sldMk cId="2166140154" sldId="529"/>
            <ac:grpSpMk id="5153" creationId="{9A23904D-F1AB-BFAC-9F50-F0BC776A8B34}"/>
          </ac:grpSpMkLst>
        </pc:grpChg>
        <pc:grpChg chg="add del mod">
          <ac:chgData name="Matias Vázquez Piñón" userId="2f86a967-3c9c-4a39-b538-7e6c0574d83d" providerId="ADAL" clId="{B0EC83BE-3AC5-42EC-8408-8B0ACB640EA4}" dt="2022-07-17T16:19:38.155" v="6164"/>
          <ac:grpSpMkLst>
            <pc:docMk/>
            <pc:sldMk cId="2166140154" sldId="529"/>
            <ac:grpSpMk id="5156" creationId="{A7930238-E740-D838-1074-EE9D80AAEAD6}"/>
          </ac:grpSpMkLst>
        </pc:grpChg>
        <pc:grpChg chg="mod">
          <ac:chgData name="Matias Vázquez Piñón" userId="2f86a967-3c9c-4a39-b538-7e6c0574d83d" providerId="ADAL" clId="{B0EC83BE-3AC5-42EC-8408-8B0ACB640EA4}" dt="2022-07-17T16:19:34.079" v="6161"/>
          <ac:grpSpMkLst>
            <pc:docMk/>
            <pc:sldMk cId="2166140154" sldId="529"/>
            <ac:grpSpMk id="5160" creationId="{581657B3-80C2-BEB5-A84D-C895D6BA9259}"/>
          </ac:grpSpMkLst>
        </pc:grpChg>
        <pc:grpChg chg="del mod">
          <ac:chgData name="Matias Vázquez Piñón" userId="2f86a967-3c9c-4a39-b538-7e6c0574d83d" providerId="ADAL" clId="{B0EC83BE-3AC5-42EC-8408-8B0ACB640EA4}" dt="2022-07-17T16:19:40.593" v="6166"/>
          <ac:grpSpMkLst>
            <pc:docMk/>
            <pc:sldMk cId="2166140154" sldId="529"/>
            <ac:grpSpMk id="5162" creationId="{0003F038-6CE7-2267-EE3E-7E72F4CA9869}"/>
          </ac:grpSpMkLst>
        </pc:grpChg>
        <pc:grpChg chg="del mod">
          <ac:chgData name="Matias Vázquez Piñón" userId="2f86a967-3c9c-4a39-b538-7e6c0574d83d" providerId="ADAL" clId="{B0EC83BE-3AC5-42EC-8408-8B0ACB640EA4}" dt="2022-07-17T16:20:28.608" v="6195" actId="478"/>
          <ac:grpSpMkLst>
            <pc:docMk/>
            <pc:sldMk cId="2166140154" sldId="529"/>
            <ac:grpSpMk id="5164" creationId="{A1B8ECAE-4EA2-82A2-84EA-E449713D74A1}"/>
          </ac:grpSpMkLst>
        </pc:grpChg>
        <pc:grpChg chg="mod">
          <ac:chgData name="Matias Vázquez Piñón" userId="2f86a967-3c9c-4a39-b538-7e6c0574d83d" providerId="ADAL" clId="{B0EC83BE-3AC5-42EC-8408-8B0ACB640EA4}" dt="2022-07-17T16:22:03.244" v="6236"/>
          <ac:grpSpMkLst>
            <pc:docMk/>
            <pc:sldMk cId="2166140154" sldId="529"/>
            <ac:grpSpMk id="5167" creationId="{B56AF965-62DC-1E78-3BFA-84E7A871CA81}"/>
          </ac:grpSpMkLst>
        </pc:grpChg>
        <pc:grpChg chg="mod">
          <ac:chgData name="Matias Vázquez Piñón" userId="2f86a967-3c9c-4a39-b538-7e6c0574d83d" providerId="ADAL" clId="{B0EC83BE-3AC5-42EC-8408-8B0ACB640EA4}" dt="2022-07-17T16:23:47.735" v="6264"/>
          <ac:grpSpMkLst>
            <pc:docMk/>
            <pc:sldMk cId="2166140154" sldId="529"/>
            <ac:grpSpMk id="5171" creationId="{2977245E-40E0-7CEF-1E4A-31F903887982}"/>
          </ac:grpSpMkLst>
        </pc:grpChg>
        <pc:grpChg chg="mod">
          <ac:chgData name="Matias Vázquez Piñón" userId="2f86a967-3c9c-4a39-b538-7e6c0574d83d" providerId="ADAL" clId="{B0EC83BE-3AC5-42EC-8408-8B0ACB640EA4}" dt="2022-07-17T16:23:54.903" v="6270"/>
          <ac:grpSpMkLst>
            <pc:docMk/>
            <pc:sldMk cId="2166140154" sldId="529"/>
            <ac:grpSpMk id="5175" creationId="{F907A9C0-D371-582F-F8E5-622FA32598E0}"/>
          </ac:grpSpMkLst>
        </pc:grpChg>
        <pc:grpChg chg="add del mod">
          <ac:chgData name="Matias Vázquez Piñón" userId="2f86a967-3c9c-4a39-b538-7e6c0574d83d" providerId="ADAL" clId="{B0EC83BE-3AC5-42EC-8408-8B0ACB640EA4}" dt="2022-07-17T16:24:18.224" v="6293"/>
          <ac:grpSpMkLst>
            <pc:docMk/>
            <pc:sldMk cId="2166140154" sldId="529"/>
            <ac:grpSpMk id="5178" creationId="{7FF210A1-CE69-5F73-1F13-288531CF26C0}"/>
          </ac:grpSpMkLst>
        </pc:grpChg>
        <pc:grpChg chg="add del mod">
          <ac:chgData name="Matias Vázquez Piñón" userId="2f86a967-3c9c-4a39-b538-7e6c0574d83d" providerId="ADAL" clId="{B0EC83BE-3AC5-42EC-8408-8B0ACB640EA4}" dt="2022-07-17T16:24:15.767" v="6291"/>
          <ac:grpSpMkLst>
            <pc:docMk/>
            <pc:sldMk cId="2166140154" sldId="529"/>
            <ac:grpSpMk id="5181" creationId="{7CBD3C51-A31C-806A-DCFB-6E602775CDFB}"/>
          </ac:grpSpMkLst>
        </pc:grpChg>
        <pc:grpChg chg="mod">
          <ac:chgData name="Matias Vázquez Piñón" userId="2f86a967-3c9c-4a39-b538-7e6c0574d83d" providerId="ADAL" clId="{B0EC83BE-3AC5-42EC-8408-8B0ACB640EA4}" dt="2022-07-17T16:24:06.122" v="6280"/>
          <ac:grpSpMkLst>
            <pc:docMk/>
            <pc:sldMk cId="2166140154" sldId="529"/>
            <ac:grpSpMk id="5183" creationId="{BB350E5D-A24A-5A28-0CD7-AFB5821D9C94}"/>
          </ac:grpSpMkLst>
        </pc:grpChg>
        <pc:graphicFrameChg chg="add mod ord modGraphic">
          <ac:chgData name="Matias Vázquez Piñón" userId="2f86a967-3c9c-4a39-b538-7e6c0574d83d" providerId="ADAL" clId="{B0EC83BE-3AC5-42EC-8408-8B0ACB640EA4}" dt="2022-07-17T15:40:01.634" v="4816" actId="1076"/>
          <ac:graphicFrameMkLst>
            <pc:docMk/>
            <pc:sldMk cId="2166140154" sldId="529"/>
            <ac:graphicFrameMk id="5" creationId="{FF58BD2E-9A49-D951-124A-98D6EAF19A57}"/>
          </ac:graphicFrameMkLst>
        </pc:graphicFrameChg>
        <pc:picChg chg="add del mod">
          <ac:chgData name="Matias Vázquez Piñón" userId="2f86a967-3c9c-4a39-b538-7e6c0574d83d" providerId="ADAL" clId="{B0EC83BE-3AC5-42EC-8408-8B0ACB640EA4}" dt="2022-07-17T15:21:10.072" v="4594" actId="21"/>
          <ac:picMkLst>
            <pc:docMk/>
            <pc:sldMk cId="2166140154" sldId="529"/>
            <ac:picMk id="6" creationId="{8FC472A2-B89F-449D-F00E-92A786A6EB49}"/>
          </ac:picMkLst>
        </pc:picChg>
        <pc:picChg chg="add mod">
          <ac:chgData name="Matias Vázquez Piñón" userId="2f86a967-3c9c-4a39-b538-7e6c0574d83d" providerId="ADAL" clId="{B0EC83BE-3AC5-42EC-8408-8B0ACB640EA4}" dt="2022-07-17T15:40:04.147" v="4817" actId="1076"/>
          <ac:picMkLst>
            <pc:docMk/>
            <pc:sldMk cId="2166140154" sldId="529"/>
            <ac:picMk id="8" creationId="{B50BCB93-5FD2-061C-C771-21BAFE5F812B}"/>
          </ac:picMkLst>
        </pc:picChg>
        <pc:picChg chg="add del mod">
          <ac:chgData name="Matias Vázquez Piñón" userId="2f86a967-3c9c-4a39-b538-7e6c0574d83d" providerId="ADAL" clId="{B0EC83BE-3AC5-42EC-8408-8B0ACB640EA4}" dt="2022-07-17T15:06:17.070" v="4536" actId="478"/>
          <ac:picMkLst>
            <pc:docMk/>
            <pc:sldMk cId="2166140154" sldId="529"/>
            <ac:picMk id="10" creationId="{D6B17D94-AAE4-3BC9-7143-84A9DDDFD525}"/>
          </ac:picMkLst>
        </pc:picChg>
        <pc:picChg chg="add mod">
          <ac:chgData name="Matias Vázquez Piñón" userId="2f86a967-3c9c-4a39-b538-7e6c0574d83d" providerId="ADAL" clId="{B0EC83BE-3AC5-42EC-8408-8B0ACB640EA4}" dt="2022-07-17T15:40:01.634" v="4816" actId="1076"/>
          <ac:picMkLst>
            <pc:docMk/>
            <pc:sldMk cId="2166140154" sldId="529"/>
            <ac:picMk id="12" creationId="{99CB7DAB-CD6F-1DE8-936F-AF068863A949}"/>
          </ac:picMkLst>
        </pc:picChg>
        <pc:picChg chg="add del mod">
          <ac:chgData name="Matias Vázquez Piñón" userId="2f86a967-3c9c-4a39-b538-7e6c0574d83d" providerId="ADAL" clId="{B0EC83BE-3AC5-42EC-8408-8B0ACB640EA4}" dt="2022-07-17T15:16:09.006" v="4571" actId="478"/>
          <ac:picMkLst>
            <pc:docMk/>
            <pc:sldMk cId="2166140154" sldId="529"/>
            <ac:picMk id="14" creationId="{C8E7AA8B-9D53-DF4A-BCB1-57550FCE9E26}"/>
          </ac:picMkLst>
        </pc:picChg>
        <pc:picChg chg="add del mod ord modCrop">
          <ac:chgData name="Matias Vázquez Piñón" userId="2f86a967-3c9c-4a39-b538-7e6c0574d83d" providerId="ADAL" clId="{B0EC83BE-3AC5-42EC-8408-8B0ACB640EA4}" dt="2022-07-17T15:31:56.497" v="4689" actId="478"/>
          <ac:picMkLst>
            <pc:docMk/>
            <pc:sldMk cId="2166140154" sldId="529"/>
            <ac:picMk id="17" creationId="{A0366892-6088-3237-9069-68B65C1D9A38}"/>
          </ac:picMkLst>
        </pc:picChg>
        <pc:picChg chg="add del mod">
          <ac:chgData name="Matias Vázquez Piñón" userId="2f86a967-3c9c-4a39-b538-7e6c0574d83d" providerId="ADAL" clId="{B0EC83BE-3AC5-42EC-8408-8B0ACB640EA4}" dt="2022-07-17T15:32:06.779" v="4691" actId="21"/>
          <ac:picMkLst>
            <pc:docMk/>
            <pc:sldMk cId="2166140154" sldId="529"/>
            <ac:picMk id="25" creationId="{3875EA10-AED0-28FD-70FC-6ACD6EA8A53E}"/>
          </ac:picMkLst>
        </pc:picChg>
        <pc:picChg chg="add del mod">
          <ac:chgData name="Matias Vázquez Piñón" userId="2f86a967-3c9c-4a39-b538-7e6c0574d83d" providerId="ADAL" clId="{B0EC83BE-3AC5-42EC-8408-8B0ACB640EA4}" dt="2022-07-17T15:32:10.459" v="4694" actId="21"/>
          <ac:picMkLst>
            <pc:docMk/>
            <pc:sldMk cId="2166140154" sldId="529"/>
            <ac:picMk id="26" creationId="{669767AE-1316-561F-AC00-A8C60C2EAA34}"/>
          </ac:picMkLst>
        </pc:picChg>
        <pc:picChg chg="add del mod">
          <ac:chgData name="Matias Vázquez Piñón" userId="2f86a967-3c9c-4a39-b538-7e6c0574d83d" providerId="ADAL" clId="{B0EC83BE-3AC5-42EC-8408-8B0ACB640EA4}" dt="2022-07-17T15:32:24.851" v="4698" actId="21"/>
          <ac:picMkLst>
            <pc:docMk/>
            <pc:sldMk cId="2166140154" sldId="529"/>
            <ac:picMk id="27" creationId="{024BF55F-8DAB-FB18-051D-6AD3A416F136}"/>
          </ac:picMkLst>
        </pc:picChg>
        <pc:picChg chg="add del mod">
          <ac:chgData name="Matias Vázquez Piñón" userId="2f86a967-3c9c-4a39-b538-7e6c0574d83d" providerId="ADAL" clId="{B0EC83BE-3AC5-42EC-8408-8B0ACB640EA4}" dt="2022-07-17T15:32:28.528" v="4700" actId="21"/>
          <ac:picMkLst>
            <pc:docMk/>
            <pc:sldMk cId="2166140154" sldId="529"/>
            <ac:picMk id="28" creationId="{86028ECE-FC29-3634-851A-628FF0212FD4}"/>
          </ac:picMkLst>
        </pc:picChg>
        <pc:picChg chg="add del mod">
          <ac:chgData name="Matias Vázquez Piñón" userId="2f86a967-3c9c-4a39-b538-7e6c0574d83d" providerId="ADAL" clId="{B0EC83BE-3AC5-42EC-8408-8B0ACB640EA4}" dt="2022-07-17T15:39:17.386" v="4808" actId="478"/>
          <ac:picMkLst>
            <pc:docMk/>
            <pc:sldMk cId="2166140154" sldId="529"/>
            <ac:picMk id="29" creationId="{9A079B59-A714-8F29-0932-26B003026ED2}"/>
          </ac:picMkLst>
        </pc:picChg>
        <pc:picChg chg="add mod">
          <ac:chgData name="Matias Vázquez Piñón" userId="2f86a967-3c9c-4a39-b538-7e6c0574d83d" providerId="ADAL" clId="{B0EC83BE-3AC5-42EC-8408-8B0ACB640EA4}" dt="2022-07-17T16:22:35.053" v="6247" actId="1037"/>
          <ac:picMkLst>
            <pc:docMk/>
            <pc:sldMk cId="2166140154" sldId="529"/>
            <ac:picMk id="30" creationId="{B453F5C3-5BB3-6972-294A-E1DE21F0E1BC}"/>
          </ac:picMkLst>
        </pc:picChg>
        <pc:picChg chg="add del">
          <ac:chgData name="Matias Vázquez Piñón" userId="2f86a967-3c9c-4a39-b538-7e6c0574d83d" providerId="ADAL" clId="{B0EC83BE-3AC5-42EC-8408-8B0ACB640EA4}" dt="2022-07-17T15:39:19.044" v="4809" actId="21"/>
          <ac:picMkLst>
            <pc:docMk/>
            <pc:sldMk cId="2166140154" sldId="529"/>
            <ac:picMk id="31" creationId="{E2B9F23C-21E1-CB02-310F-D5E88E9F3636}"/>
          </ac:picMkLst>
        </pc:picChg>
        <pc:picChg chg="add del mod">
          <ac:chgData name="Matias Vázquez Piñón" userId="2f86a967-3c9c-4a39-b538-7e6c0574d83d" providerId="ADAL" clId="{B0EC83BE-3AC5-42EC-8408-8B0ACB640EA4}" dt="2022-07-17T16:08:04.566" v="5862" actId="478"/>
          <ac:picMkLst>
            <pc:docMk/>
            <pc:sldMk cId="2166140154" sldId="529"/>
            <ac:picMk id="38" creationId="{875B4A39-41CC-8889-56EE-EB82742AA23E}"/>
          </ac:picMkLst>
        </pc:picChg>
        <pc:picChg chg="add del mod">
          <ac:chgData name="Matias Vázquez Piñón" userId="2f86a967-3c9c-4a39-b538-7e6c0574d83d" providerId="ADAL" clId="{B0EC83BE-3AC5-42EC-8408-8B0ACB640EA4}" dt="2022-07-17T16:08:03.147" v="5861" actId="21"/>
          <ac:picMkLst>
            <pc:docMk/>
            <pc:sldMk cId="2166140154" sldId="529"/>
            <ac:picMk id="39" creationId="{AD3BB5E3-8808-C284-2483-0DFDA8B4BCF0}"/>
          </ac:picMkLst>
        </pc:picChg>
        <pc:picChg chg="add del mod">
          <ac:chgData name="Matias Vázquez Piñón" userId="2f86a967-3c9c-4a39-b538-7e6c0574d83d" providerId="ADAL" clId="{B0EC83BE-3AC5-42EC-8408-8B0ACB640EA4}" dt="2022-07-17T16:08:12.897" v="5865" actId="21"/>
          <ac:picMkLst>
            <pc:docMk/>
            <pc:sldMk cId="2166140154" sldId="529"/>
            <ac:picMk id="41" creationId="{C836683F-609F-5F96-2E75-164C3D807747}"/>
          </ac:picMkLst>
        </pc:picChg>
        <pc:picChg chg="add mod">
          <ac:chgData name="Matias Vázquez Piñón" userId="2f86a967-3c9c-4a39-b538-7e6c0574d83d" providerId="ADAL" clId="{B0EC83BE-3AC5-42EC-8408-8B0ACB640EA4}" dt="2022-07-17T16:25:49.426" v="6331" actId="1076"/>
          <ac:picMkLst>
            <pc:docMk/>
            <pc:sldMk cId="2166140154" sldId="529"/>
            <ac:picMk id="42" creationId="{CD5CF6A5-BAFC-71BE-EFF8-4DA1DFF52409}"/>
          </ac:picMkLst>
        </pc:picChg>
        <pc:picChg chg="add mod">
          <ac:chgData name="Matias Vázquez Piñón" userId="2f86a967-3c9c-4a39-b538-7e6c0574d83d" providerId="ADAL" clId="{B0EC83BE-3AC5-42EC-8408-8B0ACB640EA4}" dt="2022-07-17T15:40:01.634" v="4816" actId="1076"/>
          <ac:picMkLst>
            <pc:docMk/>
            <pc:sldMk cId="2166140154" sldId="529"/>
            <ac:picMk id="5122" creationId="{3AD6D71D-82C3-E17C-338E-79A800CBA42F}"/>
          </ac:picMkLst>
        </pc:picChg>
        <pc:picChg chg="add mod">
          <ac:chgData name="Matias Vázquez Piñón" userId="2f86a967-3c9c-4a39-b538-7e6c0574d83d" providerId="ADAL" clId="{B0EC83BE-3AC5-42EC-8408-8B0ACB640EA4}" dt="2022-07-17T15:40:01.634" v="4816" actId="1076"/>
          <ac:picMkLst>
            <pc:docMk/>
            <pc:sldMk cId="2166140154" sldId="529"/>
            <ac:picMk id="5124" creationId="{3B0A412F-5615-5480-9F44-F59996C563B9}"/>
          </ac:picMkLst>
        </pc:picChg>
        <pc:picChg chg="add mod">
          <ac:chgData name="Matias Vázquez Piñón" userId="2f86a967-3c9c-4a39-b538-7e6c0574d83d" providerId="ADAL" clId="{B0EC83BE-3AC5-42EC-8408-8B0ACB640EA4}" dt="2022-07-17T15:40:01.634" v="4816" actId="1076"/>
          <ac:picMkLst>
            <pc:docMk/>
            <pc:sldMk cId="2166140154" sldId="529"/>
            <ac:picMk id="5126" creationId="{4738CEC8-A1FE-E2C5-E11C-6D8A61FFDD39}"/>
          </ac:picMkLst>
        </pc:picChg>
        <pc:inkChg chg="add del">
          <ac:chgData name="Matias Vázquez Piñón" userId="2f86a967-3c9c-4a39-b538-7e6c0574d83d" providerId="ADAL" clId="{B0EC83BE-3AC5-42EC-8408-8B0ACB640EA4}" dt="2022-07-17T16:17:02.272" v="6081" actId="9405"/>
          <ac:inkMkLst>
            <pc:docMk/>
            <pc:sldMk cId="2166140154" sldId="529"/>
            <ac:inkMk id="52" creationId="{F715947B-1A42-F19D-1171-0E86F2299061}"/>
          </ac:inkMkLst>
        </pc:inkChg>
        <pc:inkChg chg="add del mod">
          <ac:chgData name="Matias Vázquez Piñón" userId="2f86a967-3c9c-4a39-b538-7e6c0574d83d" providerId="ADAL" clId="{B0EC83BE-3AC5-42EC-8408-8B0ACB640EA4}" dt="2022-07-17T16:17:15.171" v="6087" actId="9405"/>
          <ac:inkMkLst>
            <pc:docMk/>
            <pc:sldMk cId="2166140154" sldId="529"/>
            <ac:inkMk id="53" creationId="{8743786E-4002-BE94-8FF4-098779592BAD}"/>
          </ac:inkMkLst>
        </pc:inkChg>
        <pc:inkChg chg="add del mod">
          <ac:chgData name="Matias Vázquez Piñón" userId="2f86a967-3c9c-4a39-b538-7e6c0574d83d" providerId="ADAL" clId="{B0EC83BE-3AC5-42EC-8408-8B0ACB640EA4}" dt="2022-07-17T16:17:14.508" v="6086"/>
          <ac:inkMkLst>
            <pc:docMk/>
            <pc:sldMk cId="2166140154" sldId="529"/>
            <ac:inkMk id="54" creationId="{59FE2286-23D1-1881-4DE6-7C22992679A0}"/>
          </ac:inkMkLst>
        </pc:inkChg>
        <pc:inkChg chg="add del">
          <ac:chgData name="Matias Vázquez Piñón" userId="2f86a967-3c9c-4a39-b538-7e6c0574d83d" providerId="ADAL" clId="{B0EC83BE-3AC5-42EC-8408-8B0ACB640EA4}" dt="2022-07-17T16:30:08.509" v="6460" actId="478"/>
          <ac:inkMkLst>
            <pc:docMk/>
            <pc:sldMk cId="2166140154" sldId="529"/>
            <ac:inkMk id="56" creationId="{B10AB4E4-6666-AF8F-3407-DAA66559E6B1}"/>
          </ac:inkMkLst>
        </pc:inkChg>
        <pc:inkChg chg="add mod">
          <ac:chgData name="Matias Vázquez Piñón" userId="2f86a967-3c9c-4a39-b538-7e6c0574d83d" providerId="ADAL" clId="{B0EC83BE-3AC5-42EC-8408-8B0ACB640EA4}" dt="2022-07-17T16:22:35.053" v="6247" actId="1037"/>
          <ac:inkMkLst>
            <pc:docMk/>
            <pc:sldMk cId="2166140154" sldId="529"/>
            <ac:inkMk id="57" creationId="{BC62C0D2-A2DB-C3E8-13B7-B5F6F9FBCE55}"/>
          </ac:inkMkLst>
        </pc:inkChg>
        <pc:inkChg chg="add del mod">
          <ac:chgData name="Matias Vázquez Piñón" userId="2f86a967-3c9c-4a39-b538-7e6c0574d83d" providerId="ADAL" clId="{B0EC83BE-3AC5-42EC-8408-8B0ACB640EA4}" dt="2022-07-17T16:17:27.701" v="6093"/>
          <ac:inkMkLst>
            <pc:docMk/>
            <pc:sldMk cId="2166140154" sldId="529"/>
            <ac:inkMk id="58" creationId="{C8F416CF-85C5-ADDF-092E-250445413619}"/>
          </ac:inkMkLst>
        </pc:inkChg>
        <pc:inkChg chg="add del">
          <ac:chgData name="Matias Vázquez Piñón" userId="2f86a967-3c9c-4a39-b538-7e6c0574d83d" providerId="ADAL" clId="{B0EC83BE-3AC5-42EC-8408-8B0ACB640EA4}" dt="2022-07-17T16:17:30.503" v="6095" actId="9405"/>
          <ac:inkMkLst>
            <pc:docMk/>
            <pc:sldMk cId="2166140154" sldId="529"/>
            <ac:inkMk id="60" creationId="{FDD8102E-A381-F7E6-F02B-6952776531D9}"/>
          </ac:inkMkLst>
        </pc:inkChg>
        <pc:inkChg chg="add del">
          <ac:chgData name="Matias Vázquez Piñón" userId="2f86a967-3c9c-4a39-b538-7e6c0574d83d" providerId="ADAL" clId="{B0EC83BE-3AC5-42EC-8408-8B0ACB640EA4}" dt="2022-07-17T16:17:33.345" v="6097" actId="9405"/>
          <ac:inkMkLst>
            <pc:docMk/>
            <pc:sldMk cId="2166140154" sldId="529"/>
            <ac:inkMk id="61" creationId="{93621B0C-4913-E021-CD73-FBAB6C7C5BB0}"/>
          </ac:inkMkLst>
        </pc:inkChg>
        <pc:inkChg chg="add del">
          <ac:chgData name="Matias Vázquez Piñón" userId="2f86a967-3c9c-4a39-b538-7e6c0574d83d" providerId="ADAL" clId="{B0EC83BE-3AC5-42EC-8408-8B0ACB640EA4}" dt="2022-07-17T16:17:36.377" v="6099" actId="9405"/>
          <ac:inkMkLst>
            <pc:docMk/>
            <pc:sldMk cId="2166140154" sldId="529"/>
            <ac:inkMk id="62" creationId="{4352CF5B-96E8-1E4B-1C07-137DE697C631}"/>
          </ac:inkMkLst>
        </pc:inkChg>
        <pc:inkChg chg="add del">
          <ac:chgData name="Matias Vázquez Piñón" userId="2f86a967-3c9c-4a39-b538-7e6c0574d83d" providerId="ADAL" clId="{B0EC83BE-3AC5-42EC-8408-8B0ACB640EA4}" dt="2022-07-17T16:17:40.167" v="6101" actId="9405"/>
          <ac:inkMkLst>
            <pc:docMk/>
            <pc:sldMk cId="2166140154" sldId="529"/>
            <ac:inkMk id="63" creationId="{23B7E57A-E1D0-78D4-5AE0-37F1A2C0B3B3}"/>
          </ac:inkMkLst>
        </pc:inkChg>
        <pc:inkChg chg="add del mod">
          <ac:chgData name="Matias Vázquez Piñón" userId="2f86a967-3c9c-4a39-b538-7e6c0574d83d" providerId="ADAL" clId="{B0EC83BE-3AC5-42EC-8408-8B0ACB640EA4}" dt="2022-07-17T16:24:11.938" v="6286" actId="9405"/>
          <ac:inkMkLst>
            <pc:docMk/>
            <pc:sldMk cId="2166140154" sldId="529"/>
            <ac:inkMk id="64" creationId="{B4384CF6-BE33-C693-C8AB-A9CF98C43913}"/>
          </ac:inkMkLst>
        </pc:inkChg>
        <pc:inkChg chg="add del mod">
          <ac:chgData name="Matias Vázquez Piñón" userId="2f86a967-3c9c-4a39-b538-7e6c0574d83d" providerId="ADAL" clId="{B0EC83BE-3AC5-42EC-8408-8B0ACB640EA4}" dt="2022-07-17T16:24:11.269" v="6285"/>
          <ac:inkMkLst>
            <pc:docMk/>
            <pc:sldMk cId="2166140154" sldId="529"/>
            <ac:inkMk id="65" creationId="{398F5813-5325-EF2E-FBB6-4ACEB46EA4B8}"/>
          </ac:inkMkLst>
        </pc:inkChg>
        <pc:inkChg chg="add mod">
          <ac:chgData name="Matias Vázquez Piñón" userId="2f86a967-3c9c-4a39-b538-7e6c0574d83d" providerId="ADAL" clId="{B0EC83BE-3AC5-42EC-8408-8B0ACB640EA4}" dt="2022-07-17T16:24:15.767" v="6291"/>
          <ac:inkMkLst>
            <pc:docMk/>
            <pc:sldMk cId="2166140154" sldId="529"/>
            <ac:inkMk id="67" creationId="{2A5673F1-9E7E-6306-EEA0-52BCCBF6CA36}"/>
          </ac:inkMkLst>
        </pc:inkChg>
        <pc:inkChg chg="add del mod">
          <ac:chgData name="Matias Vázquez Piñón" userId="2f86a967-3c9c-4a39-b538-7e6c0574d83d" providerId="ADAL" clId="{B0EC83BE-3AC5-42EC-8408-8B0ACB640EA4}" dt="2022-07-17T16:24:15.767" v="6291"/>
          <ac:inkMkLst>
            <pc:docMk/>
            <pc:sldMk cId="2166140154" sldId="529"/>
            <ac:inkMk id="68" creationId="{13D285C1-7FF4-A3E3-D5CE-C14FBF2F006D}"/>
          </ac:inkMkLst>
        </pc:inkChg>
        <pc:inkChg chg="add mod">
          <ac:chgData name="Matias Vázquez Piñón" userId="2f86a967-3c9c-4a39-b538-7e6c0574d83d" providerId="ADAL" clId="{B0EC83BE-3AC5-42EC-8408-8B0ACB640EA4}" dt="2022-07-17T16:24:18.224" v="6293"/>
          <ac:inkMkLst>
            <pc:docMk/>
            <pc:sldMk cId="2166140154" sldId="529"/>
            <ac:inkMk id="70" creationId="{D1C570F4-FC59-A939-027C-C07E4A0A57E3}"/>
          </ac:inkMkLst>
        </pc:inkChg>
        <pc:inkChg chg="add mod">
          <ac:chgData name="Matias Vázquez Piñón" userId="2f86a967-3c9c-4a39-b538-7e6c0574d83d" providerId="ADAL" clId="{B0EC83BE-3AC5-42EC-8408-8B0ACB640EA4}" dt="2022-07-17T16:24:24.640" v="6296"/>
          <ac:inkMkLst>
            <pc:docMk/>
            <pc:sldMk cId="2166140154" sldId="529"/>
            <ac:inkMk id="72" creationId="{F190C127-D855-96A9-07B5-368ADEFAA8F8}"/>
          </ac:inkMkLst>
        </pc:inkChg>
        <pc:inkChg chg="add mod">
          <ac:chgData name="Matias Vázquez Piñón" userId="2f86a967-3c9c-4a39-b538-7e6c0574d83d" providerId="ADAL" clId="{B0EC83BE-3AC5-42EC-8408-8B0ACB640EA4}" dt="2022-07-17T16:24:24.640" v="6296"/>
          <ac:inkMkLst>
            <pc:docMk/>
            <pc:sldMk cId="2166140154" sldId="529"/>
            <ac:inkMk id="73" creationId="{55A23A90-2830-DB7C-8E90-A3D405577242}"/>
          </ac:inkMkLst>
        </pc:inkChg>
        <pc:inkChg chg="add del mod">
          <ac:chgData name="Matias Vázquez Piñón" userId="2f86a967-3c9c-4a39-b538-7e6c0574d83d" providerId="ADAL" clId="{B0EC83BE-3AC5-42EC-8408-8B0ACB640EA4}" dt="2022-07-17T16:24:32.881" v="6302" actId="9405"/>
          <ac:inkMkLst>
            <pc:docMk/>
            <pc:sldMk cId="2166140154" sldId="529"/>
            <ac:inkMk id="75" creationId="{34DB5B07-3DB2-71DF-601C-7A334999D0D1}"/>
          </ac:inkMkLst>
        </pc:inkChg>
        <pc:inkChg chg="add del mod">
          <ac:chgData name="Matias Vázquez Piñón" userId="2f86a967-3c9c-4a39-b538-7e6c0574d83d" providerId="ADAL" clId="{B0EC83BE-3AC5-42EC-8408-8B0ACB640EA4}" dt="2022-07-17T16:24:32.422" v="6301"/>
          <ac:inkMkLst>
            <pc:docMk/>
            <pc:sldMk cId="2166140154" sldId="529"/>
            <ac:inkMk id="76" creationId="{57510A94-9826-9B5D-EE4A-AFC5437F680D}"/>
          </ac:inkMkLst>
        </pc:inkChg>
        <pc:inkChg chg="add">
          <ac:chgData name="Matias Vázquez Piñón" userId="2f86a967-3c9c-4a39-b538-7e6c0574d83d" providerId="ADAL" clId="{B0EC83BE-3AC5-42EC-8408-8B0ACB640EA4}" dt="2022-07-17T16:24:34.333" v="6303" actId="9405"/>
          <ac:inkMkLst>
            <pc:docMk/>
            <pc:sldMk cId="2166140154" sldId="529"/>
            <ac:inkMk id="78" creationId="{17B3E037-04D8-2676-136C-31A292079003}"/>
          </ac:inkMkLst>
        </pc:inkChg>
        <pc:inkChg chg="add del">
          <ac:chgData name="Matias Vázquez Piñón" userId="2f86a967-3c9c-4a39-b538-7e6c0574d83d" providerId="ADAL" clId="{B0EC83BE-3AC5-42EC-8408-8B0ACB640EA4}" dt="2022-07-17T16:24:36.497" v="6305" actId="9405"/>
          <ac:inkMkLst>
            <pc:docMk/>
            <pc:sldMk cId="2166140154" sldId="529"/>
            <ac:inkMk id="79" creationId="{656D8B6B-5E59-3058-E8B4-838B5263B5E9}"/>
          </ac:inkMkLst>
        </pc:inkChg>
        <pc:inkChg chg="add">
          <ac:chgData name="Matias Vázquez Piñón" userId="2f86a967-3c9c-4a39-b538-7e6c0574d83d" providerId="ADAL" clId="{B0EC83BE-3AC5-42EC-8408-8B0ACB640EA4}" dt="2022-07-17T16:24:37.630" v="6306" actId="9405"/>
          <ac:inkMkLst>
            <pc:docMk/>
            <pc:sldMk cId="2166140154" sldId="529"/>
            <ac:inkMk id="80" creationId="{2CC3AFB5-4FF6-2755-0A56-30DF26255F06}"/>
          </ac:inkMkLst>
        </pc:inkChg>
        <pc:inkChg chg="add del">
          <ac:chgData name="Matias Vázquez Piñón" userId="2f86a967-3c9c-4a39-b538-7e6c0574d83d" providerId="ADAL" clId="{B0EC83BE-3AC5-42EC-8408-8B0ACB640EA4}" dt="2022-07-17T16:24:43.882" v="6308" actId="9405"/>
          <ac:inkMkLst>
            <pc:docMk/>
            <pc:sldMk cId="2166140154" sldId="529"/>
            <ac:inkMk id="81" creationId="{B0A68CBA-6CF0-339C-0D32-F1FA8628B275}"/>
          </ac:inkMkLst>
        </pc:inkChg>
        <pc:inkChg chg="add mod">
          <ac:chgData name="Matias Vázquez Piñón" userId="2f86a967-3c9c-4a39-b538-7e6c0574d83d" providerId="ADAL" clId="{B0EC83BE-3AC5-42EC-8408-8B0ACB640EA4}" dt="2022-07-17T16:24:48.660" v="6311"/>
          <ac:inkMkLst>
            <pc:docMk/>
            <pc:sldMk cId="2166140154" sldId="529"/>
            <ac:inkMk id="82" creationId="{076900DE-AC77-8979-5C4E-778CE386BA39}"/>
          </ac:inkMkLst>
        </pc:inkChg>
        <pc:inkChg chg="add mod">
          <ac:chgData name="Matias Vázquez Piñón" userId="2f86a967-3c9c-4a39-b538-7e6c0574d83d" providerId="ADAL" clId="{B0EC83BE-3AC5-42EC-8408-8B0ACB640EA4}" dt="2022-07-17T16:24:48.660" v="6311"/>
          <ac:inkMkLst>
            <pc:docMk/>
            <pc:sldMk cId="2166140154" sldId="529"/>
            <ac:inkMk id="83" creationId="{914A702E-D6CA-EC7C-9601-3EBA5B0EB145}"/>
          </ac:inkMkLst>
        </pc:inkChg>
        <pc:inkChg chg="add mod">
          <ac:chgData name="Matias Vázquez Piñón" userId="2f86a967-3c9c-4a39-b538-7e6c0574d83d" providerId="ADAL" clId="{B0EC83BE-3AC5-42EC-8408-8B0ACB640EA4}" dt="2022-07-17T16:27:20.398" v="6416"/>
          <ac:inkMkLst>
            <pc:docMk/>
            <pc:sldMk cId="2166140154" sldId="529"/>
            <ac:inkMk id="85" creationId="{5BB10B6A-B6DD-CDD0-9CB7-931BB02E52DC}"/>
          </ac:inkMkLst>
        </pc:inkChg>
        <pc:inkChg chg="add mod">
          <ac:chgData name="Matias Vázquez Piñón" userId="2f86a967-3c9c-4a39-b538-7e6c0574d83d" providerId="ADAL" clId="{B0EC83BE-3AC5-42EC-8408-8B0ACB640EA4}" dt="2022-07-17T16:27:20.398" v="6416"/>
          <ac:inkMkLst>
            <pc:docMk/>
            <pc:sldMk cId="2166140154" sldId="529"/>
            <ac:inkMk id="86" creationId="{1138E413-685F-4DCB-6CE3-B4993FC5C021}"/>
          </ac:inkMkLst>
        </pc:inkChg>
        <pc:inkChg chg="add del">
          <ac:chgData name="Matias Vázquez Piñón" userId="2f86a967-3c9c-4a39-b538-7e6c0574d83d" providerId="ADAL" clId="{B0EC83BE-3AC5-42EC-8408-8B0ACB640EA4}" dt="2022-07-17T16:27:27.093" v="6418" actId="9405"/>
          <ac:inkMkLst>
            <pc:docMk/>
            <pc:sldMk cId="2166140154" sldId="529"/>
            <ac:inkMk id="88" creationId="{2A98AB7F-3EB9-16F8-17DD-0F60E3588D02}"/>
          </ac:inkMkLst>
        </pc:inkChg>
        <pc:inkChg chg="add del">
          <ac:chgData name="Matias Vázquez Piñón" userId="2f86a967-3c9c-4a39-b538-7e6c0574d83d" providerId="ADAL" clId="{B0EC83BE-3AC5-42EC-8408-8B0ACB640EA4}" dt="2022-07-17T16:27:33.375" v="6424" actId="9405"/>
          <ac:inkMkLst>
            <pc:docMk/>
            <pc:sldMk cId="2166140154" sldId="529"/>
            <ac:inkMk id="89" creationId="{1CE68A8D-B06B-1EE6-0A84-F1F4DEE2085C}"/>
          </ac:inkMkLst>
        </pc:inkChg>
        <pc:inkChg chg="add del">
          <ac:chgData name="Matias Vázquez Piñón" userId="2f86a967-3c9c-4a39-b538-7e6c0574d83d" providerId="ADAL" clId="{B0EC83BE-3AC5-42EC-8408-8B0ACB640EA4}" dt="2022-07-17T16:27:30.812" v="6421" actId="9405"/>
          <ac:inkMkLst>
            <pc:docMk/>
            <pc:sldMk cId="2166140154" sldId="529"/>
            <ac:inkMk id="90" creationId="{BE95DD53-A9F9-E81F-8896-DDE0B82DFB01}"/>
          </ac:inkMkLst>
        </pc:inkChg>
        <pc:inkChg chg="add del">
          <ac:chgData name="Matias Vázquez Piñón" userId="2f86a967-3c9c-4a39-b538-7e6c0574d83d" providerId="ADAL" clId="{B0EC83BE-3AC5-42EC-8408-8B0ACB640EA4}" dt="2022-07-17T16:27:33.043" v="6423" actId="9405"/>
          <ac:inkMkLst>
            <pc:docMk/>
            <pc:sldMk cId="2166140154" sldId="529"/>
            <ac:inkMk id="91" creationId="{CE557ACA-36B4-B2BA-CA4F-F419E0235A7A}"/>
          </ac:inkMkLst>
        </pc:inkChg>
        <pc:inkChg chg="add del">
          <ac:chgData name="Matias Vázquez Piñón" userId="2f86a967-3c9c-4a39-b538-7e6c0574d83d" providerId="ADAL" clId="{B0EC83BE-3AC5-42EC-8408-8B0ACB640EA4}" dt="2022-07-17T16:27:35.587" v="6426" actId="9405"/>
          <ac:inkMkLst>
            <pc:docMk/>
            <pc:sldMk cId="2166140154" sldId="529"/>
            <ac:inkMk id="92" creationId="{95055CA3-F69B-1765-1B09-66621EE065B1}"/>
          </ac:inkMkLst>
        </pc:inkChg>
        <pc:inkChg chg="add del">
          <ac:chgData name="Matias Vázquez Piñón" userId="2f86a967-3c9c-4a39-b538-7e6c0574d83d" providerId="ADAL" clId="{B0EC83BE-3AC5-42EC-8408-8B0ACB640EA4}" dt="2022-07-17T16:27:39.431" v="6430" actId="9405"/>
          <ac:inkMkLst>
            <pc:docMk/>
            <pc:sldMk cId="2166140154" sldId="529"/>
            <ac:inkMk id="93" creationId="{84C53B91-D206-75EA-AFFA-F82C2F2C06F0}"/>
          </ac:inkMkLst>
        </pc:inkChg>
        <pc:inkChg chg="add del">
          <ac:chgData name="Matias Vázquez Piñón" userId="2f86a967-3c9c-4a39-b538-7e6c0574d83d" providerId="ADAL" clId="{B0EC83BE-3AC5-42EC-8408-8B0ACB640EA4}" dt="2022-07-17T16:27:38.680" v="6429" actId="9405"/>
          <ac:inkMkLst>
            <pc:docMk/>
            <pc:sldMk cId="2166140154" sldId="529"/>
            <ac:inkMk id="94" creationId="{B3DCFCD7-0822-178F-E641-569979DAAFB5}"/>
          </ac:inkMkLst>
        </pc:inkChg>
        <pc:inkChg chg="add del">
          <ac:chgData name="Matias Vázquez Piñón" userId="2f86a967-3c9c-4a39-b538-7e6c0574d83d" providerId="ADAL" clId="{B0EC83BE-3AC5-42EC-8408-8B0ACB640EA4}" dt="2022-07-17T16:27:42.683" v="6432" actId="9405"/>
          <ac:inkMkLst>
            <pc:docMk/>
            <pc:sldMk cId="2166140154" sldId="529"/>
            <ac:inkMk id="95" creationId="{9741C65E-1B72-86A7-422A-06F79FBCA516}"/>
          </ac:inkMkLst>
        </pc:inkChg>
        <pc:inkChg chg="add mod">
          <ac:chgData name="Matias Vázquez Piñón" userId="2f86a967-3c9c-4a39-b538-7e6c0574d83d" providerId="ADAL" clId="{B0EC83BE-3AC5-42EC-8408-8B0ACB640EA4}" dt="2022-07-17T16:27:48.920" v="6437"/>
          <ac:inkMkLst>
            <pc:docMk/>
            <pc:sldMk cId="2166140154" sldId="529"/>
            <ac:inkMk id="96" creationId="{D89BB914-8AFC-C756-F129-C515886C63C5}"/>
          </ac:inkMkLst>
        </pc:inkChg>
        <pc:inkChg chg="add mod">
          <ac:chgData name="Matias Vázquez Piñón" userId="2f86a967-3c9c-4a39-b538-7e6c0574d83d" providerId="ADAL" clId="{B0EC83BE-3AC5-42EC-8408-8B0ACB640EA4}" dt="2022-07-17T16:27:48.920" v="6437"/>
          <ac:inkMkLst>
            <pc:docMk/>
            <pc:sldMk cId="2166140154" sldId="529"/>
            <ac:inkMk id="97" creationId="{EAEC5F00-7667-B9C3-D8F6-884BB76F177C}"/>
          </ac:inkMkLst>
        </pc:inkChg>
        <pc:inkChg chg="add mod">
          <ac:chgData name="Matias Vázquez Piñón" userId="2f86a967-3c9c-4a39-b538-7e6c0574d83d" providerId="ADAL" clId="{B0EC83BE-3AC5-42EC-8408-8B0ACB640EA4}" dt="2022-07-17T16:27:48.920" v="6437"/>
          <ac:inkMkLst>
            <pc:docMk/>
            <pc:sldMk cId="2166140154" sldId="529"/>
            <ac:inkMk id="99" creationId="{F4F1DFC2-89D8-76AB-7DFB-BB4C483F5418}"/>
          </ac:inkMkLst>
        </pc:inkChg>
        <pc:inkChg chg="add del">
          <ac:chgData name="Matias Vázquez Piñón" userId="2f86a967-3c9c-4a39-b538-7e6c0574d83d" providerId="ADAL" clId="{B0EC83BE-3AC5-42EC-8408-8B0ACB640EA4}" dt="2022-07-17T16:28:41.174" v="6441" actId="478"/>
          <ac:inkMkLst>
            <pc:docMk/>
            <pc:sldMk cId="2166140154" sldId="529"/>
            <ac:inkMk id="101" creationId="{CAF100D7-F6A2-CAB6-7159-ED9F3B661699}"/>
          </ac:inkMkLst>
        </pc:inkChg>
        <pc:inkChg chg="add del">
          <ac:chgData name="Matias Vázquez Piñón" userId="2f86a967-3c9c-4a39-b538-7e6c0574d83d" providerId="ADAL" clId="{B0EC83BE-3AC5-42EC-8408-8B0ACB640EA4}" dt="2022-07-17T16:28:03.605" v="6440" actId="9405"/>
          <ac:inkMkLst>
            <pc:docMk/>
            <pc:sldMk cId="2166140154" sldId="529"/>
            <ac:inkMk id="102" creationId="{20E0B790-F113-6B75-657B-FA81B243FBD8}"/>
          </ac:inkMkLst>
        </pc:inkChg>
        <pc:inkChg chg="add del">
          <ac:chgData name="Matias Vázquez Piñón" userId="2f86a967-3c9c-4a39-b538-7e6c0574d83d" providerId="ADAL" clId="{B0EC83BE-3AC5-42EC-8408-8B0ACB640EA4}" dt="2022-07-17T16:28:58.224" v="6444" actId="9405"/>
          <ac:inkMkLst>
            <pc:docMk/>
            <pc:sldMk cId="2166140154" sldId="529"/>
            <ac:inkMk id="103" creationId="{C500E61D-A1B4-BA84-4C08-A46BC75CD337}"/>
          </ac:inkMkLst>
        </pc:inkChg>
        <pc:inkChg chg="add del">
          <ac:chgData name="Matias Vázquez Piñón" userId="2f86a967-3c9c-4a39-b538-7e6c0574d83d" providerId="ADAL" clId="{B0EC83BE-3AC5-42EC-8408-8B0ACB640EA4}" dt="2022-07-17T16:29:02.403" v="6446" actId="9405"/>
          <ac:inkMkLst>
            <pc:docMk/>
            <pc:sldMk cId="2166140154" sldId="529"/>
            <ac:inkMk id="104" creationId="{091CE731-7FC3-E8C6-B86A-27E06D0CC062}"/>
          </ac:inkMkLst>
        </pc:inkChg>
        <pc:inkChg chg="add mod">
          <ac:chgData name="Matias Vázquez Piñón" userId="2f86a967-3c9c-4a39-b538-7e6c0574d83d" providerId="ADAL" clId="{B0EC83BE-3AC5-42EC-8408-8B0ACB640EA4}" dt="2022-07-17T16:29:06.083" v="6449"/>
          <ac:inkMkLst>
            <pc:docMk/>
            <pc:sldMk cId="2166140154" sldId="529"/>
            <ac:inkMk id="105" creationId="{8CE587CA-AA08-BFB3-DD05-AA86C4F5BC36}"/>
          </ac:inkMkLst>
        </pc:inkChg>
        <pc:inkChg chg="add mod">
          <ac:chgData name="Matias Vázquez Piñón" userId="2f86a967-3c9c-4a39-b538-7e6c0574d83d" providerId="ADAL" clId="{B0EC83BE-3AC5-42EC-8408-8B0ACB640EA4}" dt="2022-07-17T16:29:06.083" v="6449"/>
          <ac:inkMkLst>
            <pc:docMk/>
            <pc:sldMk cId="2166140154" sldId="529"/>
            <ac:inkMk id="106" creationId="{054277B5-A17B-913D-3B91-5042BA7265A2}"/>
          </ac:inkMkLst>
        </pc:inkChg>
        <pc:inkChg chg="add mod">
          <ac:chgData name="Matias Vázquez Piñón" userId="2f86a967-3c9c-4a39-b538-7e6c0574d83d" providerId="ADAL" clId="{B0EC83BE-3AC5-42EC-8408-8B0ACB640EA4}" dt="2022-07-17T16:29:18.238" v="6453"/>
          <ac:inkMkLst>
            <pc:docMk/>
            <pc:sldMk cId="2166140154" sldId="529"/>
            <ac:inkMk id="108" creationId="{E19F960F-C0CC-53A3-52E7-FF696875E33B}"/>
          </ac:inkMkLst>
        </pc:inkChg>
        <pc:inkChg chg="add mod">
          <ac:chgData name="Matias Vázquez Piñón" userId="2f86a967-3c9c-4a39-b538-7e6c0574d83d" providerId="ADAL" clId="{B0EC83BE-3AC5-42EC-8408-8B0ACB640EA4}" dt="2022-07-17T16:29:18.238" v="6453"/>
          <ac:inkMkLst>
            <pc:docMk/>
            <pc:sldMk cId="2166140154" sldId="529"/>
            <ac:inkMk id="111" creationId="{55C5825A-F54C-B5E7-554D-8B9EBD818101}"/>
          </ac:inkMkLst>
        </pc:inkChg>
        <pc:inkChg chg="add del">
          <ac:chgData name="Matias Vázquez Piñón" userId="2f86a967-3c9c-4a39-b538-7e6c0574d83d" providerId="ADAL" clId="{B0EC83BE-3AC5-42EC-8408-8B0ACB640EA4}" dt="2022-07-17T16:29:30.231" v="6456" actId="9405"/>
          <ac:inkMkLst>
            <pc:docMk/>
            <pc:sldMk cId="2166140154" sldId="529"/>
            <ac:inkMk id="113" creationId="{81300362-CBD4-CADE-D737-9DD8F3B59CC1}"/>
          </ac:inkMkLst>
        </pc:inkChg>
        <pc:inkChg chg="add mod">
          <ac:chgData name="Matias Vázquez Piñón" userId="2f86a967-3c9c-4a39-b538-7e6c0574d83d" providerId="ADAL" clId="{B0EC83BE-3AC5-42EC-8408-8B0ACB640EA4}" dt="2022-07-17T16:29:34.903" v="6459"/>
          <ac:inkMkLst>
            <pc:docMk/>
            <pc:sldMk cId="2166140154" sldId="529"/>
            <ac:inkMk id="114" creationId="{7D53A355-1B92-7411-3948-12B13F21D007}"/>
          </ac:inkMkLst>
        </pc:inkChg>
        <pc:inkChg chg="add mod">
          <ac:chgData name="Matias Vázquez Piñón" userId="2f86a967-3c9c-4a39-b538-7e6c0574d83d" providerId="ADAL" clId="{B0EC83BE-3AC5-42EC-8408-8B0ACB640EA4}" dt="2022-07-17T16:29:34.903" v="6459"/>
          <ac:inkMkLst>
            <pc:docMk/>
            <pc:sldMk cId="2166140154" sldId="529"/>
            <ac:inkMk id="115" creationId="{18349C29-6CEF-F92B-20E3-23F0756A13A8}"/>
          </ac:inkMkLst>
        </pc:inkChg>
        <pc:inkChg chg="add del">
          <ac:chgData name="Matias Vázquez Piñón" userId="2f86a967-3c9c-4a39-b538-7e6c0574d83d" providerId="ADAL" clId="{B0EC83BE-3AC5-42EC-8408-8B0ACB640EA4}" dt="2022-07-17T16:17:42.597" v="6103" actId="9405"/>
          <ac:inkMkLst>
            <pc:docMk/>
            <pc:sldMk cId="2166140154" sldId="529"/>
            <ac:inkMk id="5120" creationId="{FD1A2B6F-1BBA-5559-FC58-ADB66F6DE684}"/>
          </ac:inkMkLst>
        </pc:inkChg>
        <pc:inkChg chg="add mod">
          <ac:chgData name="Matias Vázquez Piñón" userId="2f86a967-3c9c-4a39-b538-7e6c0574d83d" providerId="ADAL" clId="{B0EC83BE-3AC5-42EC-8408-8B0ACB640EA4}" dt="2022-07-17T16:22:35.053" v="6247" actId="1037"/>
          <ac:inkMkLst>
            <pc:docMk/>
            <pc:sldMk cId="2166140154" sldId="529"/>
            <ac:inkMk id="5121" creationId="{4127EAB2-C624-1F6F-A18D-0D88CCB3E677}"/>
          </ac:inkMkLst>
        </pc:inkChg>
        <pc:inkChg chg="add mod">
          <ac:chgData name="Matias Vázquez Piñón" userId="2f86a967-3c9c-4a39-b538-7e6c0574d83d" providerId="ADAL" clId="{B0EC83BE-3AC5-42EC-8408-8B0ACB640EA4}" dt="2022-07-17T16:22:35.053" v="6247" actId="1037"/>
          <ac:inkMkLst>
            <pc:docMk/>
            <pc:sldMk cId="2166140154" sldId="529"/>
            <ac:inkMk id="5123" creationId="{A318AB86-FBB9-D4F9-AF5A-7F716CD16D1C}"/>
          </ac:inkMkLst>
        </pc:inkChg>
        <pc:inkChg chg="add del mod">
          <ac:chgData name="Matias Vázquez Piñón" userId="2f86a967-3c9c-4a39-b538-7e6c0574d83d" providerId="ADAL" clId="{B0EC83BE-3AC5-42EC-8408-8B0ACB640EA4}" dt="2022-07-17T16:17:52.044" v="6109"/>
          <ac:inkMkLst>
            <pc:docMk/>
            <pc:sldMk cId="2166140154" sldId="529"/>
            <ac:inkMk id="5125" creationId="{90334D92-6273-2D17-B76C-47FEF5837811}"/>
          </ac:inkMkLst>
        </pc:inkChg>
        <pc:inkChg chg="add del">
          <ac:chgData name="Matias Vázquez Piñón" userId="2f86a967-3c9c-4a39-b538-7e6c0574d83d" providerId="ADAL" clId="{B0EC83BE-3AC5-42EC-8408-8B0ACB640EA4}" dt="2022-07-17T16:17:54.080" v="6111" actId="9405"/>
          <ac:inkMkLst>
            <pc:docMk/>
            <pc:sldMk cId="2166140154" sldId="529"/>
            <ac:inkMk id="5128" creationId="{E3D61656-5794-B659-FB3A-D1D453AAC9A6}"/>
          </ac:inkMkLst>
        </pc:inkChg>
        <pc:inkChg chg="add del">
          <ac:chgData name="Matias Vázquez Piñón" userId="2f86a967-3c9c-4a39-b538-7e6c0574d83d" providerId="ADAL" clId="{B0EC83BE-3AC5-42EC-8408-8B0ACB640EA4}" dt="2022-07-17T16:17:56.210" v="6113" actId="9405"/>
          <ac:inkMkLst>
            <pc:docMk/>
            <pc:sldMk cId="2166140154" sldId="529"/>
            <ac:inkMk id="5129" creationId="{489BF0F7-D53A-F39A-495E-C88F4EB8E25C}"/>
          </ac:inkMkLst>
        </pc:inkChg>
        <pc:inkChg chg="add del">
          <ac:chgData name="Matias Vázquez Piñón" userId="2f86a967-3c9c-4a39-b538-7e6c0574d83d" providerId="ADAL" clId="{B0EC83BE-3AC5-42EC-8408-8B0ACB640EA4}" dt="2022-07-17T16:17:59.162" v="6115" actId="9405"/>
          <ac:inkMkLst>
            <pc:docMk/>
            <pc:sldMk cId="2166140154" sldId="529"/>
            <ac:inkMk id="5130" creationId="{CFA7AB0E-2C00-E8BE-94AA-9EB0BADB591F}"/>
          </ac:inkMkLst>
        </pc:inkChg>
        <pc:inkChg chg="add mod">
          <ac:chgData name="Matias Vázquez Piñón" userId="2f86a967-3c9c-4a39-b538-7e6c0574d83d" providerId="ADAL" clId="{B0EC83BE-3AC5-42EC-8408-8B0ACB640EA4}" dt="2022-07-17T16:22:35.053" v="6247" actId="1037"/>
          <ac:inkMkLst>
            <pc:docMk/>
            <pc:sldMk cId="2166140154" sldId="529"/>
            <ac:inkMk id="5131" creationId="{EACBFAD2-B2D0-F888-434A-D3574AEFAEED}"/>
          </ac:inkMkLst>
        </pc:inkChg>
        <pc:inkChg chg="add del">
          <ac:chgData name="Matias Vázquez Piñón" userId="2f86a967-3c9c-4a39-b538-7e6c0574d83d" providerId="ADAL" clId="{B0EC83BE-3AC5-42EC-8408-8B0ACB640EA4}" dt="2022-07-17T16:18:12.843" v="6118" actId="9405"/>
          <ac:inkMkLst>
            <pc:docMk/>
            <pc:sldMk cId="2166140154" sldId="529"/>
            <ac:inkMk id="5132" creationId="{DDC79674-D271-7205-9FDE-1FCEB67F935F}"/>
          </ac:inkMkLst>
        </pc:inkChg>
        <pc:inkChg chg="add mod">
          <ac:chgData name="Matias Vázquez Piñón" userId="2f86a967-3c9c-4a39-b538-7e6c0574d83d" providerId="ADAL" clId="{B0EC83BE-3AC5-42EC-8408-8B0ACB640EA4}" dt="2022-07-17T16:19:40.593" v="6166"/>
          <ac:inkMkLst>
            <pc:docMk/>
            <pc:sldMk cId="2166140154" sldId="529"/>
            <ac:inkMk id="5133" creationId="{BBB9AD52-B4BA-74F1-7159-ABC370D2796F}"/>
          </ac:inkMkLst>
        </pc:inkChg>
        <pc:inkChg chg="add mod">
          <ac:chgData name="Matias Vázquez Piñón" userId="2f86a967-3c9c-4a39-b538-7e6c0574d83d" providerId="ADAL" clId="{B0EC83BE-3AC5-42EC-8408-8B0ACB640EA4}" dt="2022-07-17T16:19:40.593" v="6166"/>
          <ac:inkMkLst>
            <pc:docMk/>
            <pc:sldMk cId="2166140154" sldId="529"/>
            <ac:inkMk id="5134" creationId="{34BB45B4-4D98-0582-CA69-EF6771521B92}"/>
          </ac:inkMkLst>
        </pc:inkChg>
        <pc:inkChg chg="add mod">
          <ac:chgData name="Matias Vázquez Piñón" userId="2f86a967-3c9c-4a39-b538-7e6c0574d83d" providerId="ADAL" clId="{B0EC83BE-3AC5-42EC-8408-8B0ACB640EA4}" dt="2022-07-17T16:19:40.593" v="6166"/>
          <ac:inkMkLst>
            <pc:docMk/>
            <pc:sldMk cId="2166140154" sldId="529"/>
            <ac:inkMk id="5135" creationId="{464A57C6-8442-6AC0-4D14-5BD06940686C}"/>
          </ac:inkMkLst>
        </pc:inkChg>
        <pc:inkChg chg="add mod">
          <ac:chgData name="Matias Vázquez Piñón" userId="2f86a967-3c9c-4a39-b538-7e6c0574d83d" providerId="ADAL" clId="{B0EC83BE-3AC5-42EC-8408-8B0ACB640EA4}" dt="2022-07-17T16:19:40.593" v="6166"/>
          <ac:inkMkLst>
            <pc:docMk/>
            <pc:sldMk cId="2166140154" sldId="529"/>
            <ac:inkMk id="5136" creationId="{7294EEA6-00D2-4D6D-8D65-A4D170147172}"/>
          </ac:inkMkLst>
        </pc:inkChg>
        <pc:inkChg chg="add del mod">
          <ac:chgData name="Matias Vázquez Piñón" userId="2f86a967-3c9c-4a39-b538-7e6c0574d83d" providerId="ADAL" clId="{B0EC83BE-3AC5-42EC-8408-8B0ACB640EA4}" dt="2022-07-17T16:18:25.828" v="6128" actId="9405"/>
          <ac:inkMkLst>
            <pc:docMk/>
            <pc:sldMk cId="2166140154" sldId="529"/>
            <ac:inkMk id="5137" creationId="{390032E8-697D-9CC1-67B6-184E5BE4593B}"/>
          </ac:inkMkLst>
        </pc:inkChg>
        <pc:inkChg chg="add del mod">
          <ac:chgData name="Matias Vázquez Piñón" userId="2f86a967-3c9c-4a39-b538-7e6c0574d83d" providerId="ADAL" clId="{B0EC83BE-3AC5-42EC-8408-8B0ACB640EA4}" dt="2022-07-17T16:18:24.991" v="6127"/>
          <ac:inkMkLst>
            <pc:docMk/>
            <pc:sldMk cId="2166140154" sldId="529"/>
            <ac:inkMk id="5138" creationId="{59B77864-175B-51D3-8BC2-BC33EA243FCD}"/>
          </ac:inkMkLst>
        </pc:inkChg>
        <pc:inkChg chg="add mod">
          <ac:chgData name="Matias Vázquez Piñón" userId="2f86a967-3c9c-4a39-b538-7e6c0574d83d" providerId="ADAL" clId="{B0EC83BE-3AC5-42EC-8408-8B0ACB640EA4}" dt="2022-07-17T16:22:35.053" v="6247" actId="1037"/>
          <ac:inkMkLst>
            <pc:docMk/>
            <pc:sldMk cId="2166140154" sldId="529"/>
            <ac:inkMk id="5140" creationId="{44A95875-468A-A6A3-310E-48C32E95D9FA}"/>
          </ac:inkMkLst>
        </pc:inkChg>
        <pc:inkChg chg="add mod">
          <ac:chgData name="Matias Vázquez Piñón" userId="2f86a967-3c9c-4a39-b538-7e6c0574d83d" providerId="ADAL" clId="{B0EC83BE-3AC5-42EC-8408-8B0ACB640EA4}" dt="2022-07-17T16:22:35.053" v="6247" actId="1037"/>
          <ac:inkMkLst>
            <pc:docMk/>
            <pc:sldMk cId="2166140154" sldId="529"/>
            <ac:inkMk id="5141" creationId="{5A56D49A-9843-CE51-AFFA-A49C1B14E99F}"/>
          </ac:inkMkLst>
        </pc:inkChg>
        <pc:inkChg chg="add del mod">
          <ac:chgData name="Matias Vázquez Piñón" userId="2f86a967-3c9c-4a39-b538-7e6c0574d83d" providerId="ADAL" clId="{B0EC83BE-3AC5-42EC-8408-8B0ACB640EA4}" dt="2022-07-17T16:18:46.756" v="6137" actId="9405"/>
          <ac:inkMkLst>
            <pc:docMk/>
            <pc:sldMk cId="2166140154" sldId="529"/>
            <ac:inkMk id="5143" creationId="{A6BFB5DC-610C-AEAA-DFF7-392CE123235A}"/>
          </ac:inkMkLst>
        </pc:inkChg>
        <pc:inkChg chg="add del mod">
          <ac:chgData name="Matias Vázquez Piñón" userId="2f86a967-3c9c-4a39-b538-7e6c0574d83d" providerId="ADAL" clId="{B0EC83BE-3AC5-42EC-8408-8B0ACB640EA4}" dt="2022-07-17T16:18:46.034" v="6136"/>
          <ac:inkMkLst>
            <pc:docMk/>
            <pc:sldMk cId="2166140154" sldId="529"/>
            <ac:inkMk id="5144" creationId="{31288A3C-76A8-A85E-E211-496427168C95}"/>
          </ac:inkMkLst>
        </pc:inkChg>
        <pc:inkChg chg="add del mod">
          <ac:chgData name="Matias Vázquez Piñón" userId="2f86a967-3c9c-4a39-b538-7e6c0574d83d" providerId="ADAL" clId="{B0EC83BE-3AC5-42EC-8408-8B0ACB640EA4}" dt="2022-07-17T16:20:41.615" v="6197" actId="478"/>
          <ac:inkMkLst>
            <pc:docMk/>
            <pc:sldMk cId="2166140154" sldId="529"/>
            <ac:inkMk id="5146" creationId="{CEF2FDD3-C653-C284-368A-982C0F95256B}"/>
          </ac:inkMkLst>
        </pc:inkChg>
        <pc:inkChg chg="add del mod">
          <ac:chgData name="Matias Vázquez Piñón" userId="2f86a967-3c9c-4a39-b538-7e6c0574d83d" providerId="ADAL" clId="{B0EC83BE-3AC5-42EC-8408-8B0ACB640EA4}" dt="2022-07-17T16:18:51.758" v="6142"/>
          <ac:inkMkLst>
            <pc:docMk/>
            <pc:sldMk cId="2166140154" sldId="529"/>
            <ac:inkMk id="5147" creationId="{E423F2AD-98DE-7A7A-D816-37F77823D564}"/>
          </ac:inkMkLst>
        </pc:inkChg>
        <pc:inkChg chg="add del">
          <ac:chgData name="Matias Vázquez Piñón" userId="2f86a967-3c9c-4a39-b538-7e6c0574d83d" providerId="ADAL" clId="{B0EC83BE-3AC5-42EC-8408-8B0ACB640EA4}" dt="2022-07-17T16:21:47.515" v="6229" actId="478"/>
          <ac:inkMkLst>
            <pc:docMk/>
            <pc:sldMk cId="2166140154" sldId="529"/>
            <ac:inkMk id="5149" creationId="{B5328E4A-3F86-5EC0-4FE1-009357D6A9A1}"/>
          </ac:inkMkLst>
        </pc:inkChg>
        <pc:inkChg chg="add del">
          <ac:chgData name="Matias Vázquez Piñón" userId="2f86a967-3c9c-4a39-b538-7e6c0574d83d" providerId="ADAL" clId="{B0EC83BE-3AC5-42EC-8408-8B0ACB640EA4}" dt="2022-07-17T16:19:10.530" v="6145" actId="9405"/>
          <ac:inkMkLst>
            <pc:docMk/>
            <pc:sldMk cId="2166140154" sldId="529"/>
            <ac:inkMk id="5150" creationId="{D00BAAB0-11D1-D9D2-FAD3-6FEACA77E073}"/>
          </ac:inkMkLst>
        </pc:inkChg>
        <pc:inkChg chg="add del mod">
          <ac:chgData name="Matias Vázquez Piñón" userId="2f86a967-3c9c-4a39-b538-7e6c0574d83d" providerId="ADAL" clId="{B0EC83BE-3AC5-42EC-8408-8B0ACB640EA4}" dt="2022-07-17T16:19:14.919" v="6151" actId="9405"/>
          <ac:inkMkLst>
            <pc:docMk/>
            <pc:sldMk cId="2166140154" sldId="529"/>
            <ac:inkMk id="5151" creationId="{4DB23457-570C-FCF3-C8F4-5480717D8DA2}"/>
          </ac:inkMkLst>
        </pc:inkChg>
        <pc:inkChg chg="add del mod">
          <ac:chgData name="Matias Vázquez Piñón" userId="2f86a967-3c9c-4a39-b538-7e6c0574d83d" providerId="ADAL" clId="{B0EC83BE-3AC5-42EC-8408-8B0ACB640EA4}" dt="2022-07-17T16:19:14.363" v="6150"/>
          <ac:inkMkLst>
            <pc:docMk/>
            <pc:sldMk cId="2166140154" sldId="529"/>
            <ac:inkMk id="5152" creationId="{D3B2F174-A5F5-BB7F-C8B1-C33F554BB144}"/>
          </ac:inkMkLst>
        </pc:inkChg>
        <pc:inkChg chg="add mod">
          <ac:chgData name="Matias Vázquez Piñón" userId="2f86a967-3c9c-4a39-b538-7e6c0574d83d" providerId="ADAL" clId="{B0EC83BE-3AC5-42EC-8408-8B0ACB640EA4}" dt="2022-07-17T16:19:40.593" v="6166"/>
          <ac:inkMkLst>
            <pc:docMk/>
            <pc:sldMk cId="2166140154" sldId="529"/>
            <ac:inkMk id="5154" creationId="{BBACB5F2-D0F9-8FBF-9537-F4A5657CF8F3}"/>
          </ac:inkMkLst>
        </pc:inkChg>
        <pc:inkChg chg="add mod">
          <ac:chgData name="Matias Vázquez Piñón" userId="2f86a967-3c9c-4a39-b538-7e6c0574d83d" providerId="ADAL" clId="{B0EC83BE-3AC5-42EC-8408-8B0ACB640EA4}" dt="2022-07-17T16:19:40.593" v="6166"/>
          <ac:inkMkLst>
            <pc:docMk/>
            <pc:sldMk cId="2166140154" sldId="529"/>
            <ac:inkMk id="5155" creationId="{4A56EB50-0CB9-07FF-2296-BB39478F0135}"/>
          </ac:inkMkLst>
        </pc:inkChg>
        <pc:inkChg chg="add del">
          <ac:chgData name="Matias Vázquez Piñón" userId="2f86a967-3c9c-4a39-b538-7e6c0574d83d" providerId="ADAL" clId="{B0EC83BE-3AC5-42EC-8408-8B0ACB640EA4}" dt="2022-07-17T16:19:27.423" v="6156" actId="9405"/>
          <ac:inkMkLst>
            <pc:docMk/>
            <pc:sldMk cId="2166140154" sldId="529"/>
            <ac:inkMk id="5157" creationId="{524A45BE-DFD1-2803-6A77-CB0D88761EC4}"/>
          </ac:inkMkLst>
        </pc:inkChg>
        <pc:inkChg chg="add del mod">
          <ac:chgData name="Matias Vázquez Piñón" userId="2f86a967-3c9c-4a39-b538-7e6c0574d83d" providerId="ADAL" clId="{B0EC83BE-3AC5-42EC-8408-8B0ACB640EA4}" dt="2022-07-17T16:19:34.618" v="6162" actId="9405"/>
          <ac:inkMkLst>
            <pc:docMk/>
            <pc:sldMk cId="2166140154" sldId="529"/>
            <ac:inkMk id="5158" creationId="{0DA55BEC-2B9B-4CD8-65DE-07BE037028EB}"/>
          </ac:inkMkLst>
        </pc:inkChg>
        <pc:inkChg chg="add del mod">
          <ac:chgData name="Matias Vázquez Piñón" userId="2f86a967-3c9c-4a39-b538-7e6c0574d83d" providerId="ADAL" clId="{B0EC83BE-3AC5-42EC-8408-8B0ACB640EA4}" dt="2022-07-17T16:19:34.079" v="6161"/>
          <ac:inkMkLst>
            <pc:docMk/>
            <pc:sldMk cId="2166140154" sldId="529"/>
            <ac:inkMk id="5159" creationId="{ACFC1800-7366-908D-6437-18E8198CC790}"/>
          </ac:inkMkLst>
        </pc:inkChg>
        <pc:inkChg chg="add del mod">
          <ac:chgData name="Matias Vázquez Piñón" userId="2f86a967-3c9c-4a39-b538-7e6c0574d83d" providerId="ADAL" clId="{B0EC83BE-3AC5-42EC-8408-8B0ACB640EA4}" dt="2022-07-17T16:20:27.206" v="6194" actId="478"/>
          <ac:inkMkLst>
            <pc:docMk/>
            <pc:sldMk cId="2166140154" sldId="529"/>
            <ac:inkMk id="5161" creationId="{06178B77-A5B1-F565-05E9-0B16F46B6042}"/>
          </ac:inkMkLst>
        </pc:inkChg>
        <pc:inkChg chg="add mod">
          <ac:chgData name="Matias Vázquez Piñón" userId="2f86a967-3c9c-4a39-b538-7e6c0574d83d" providerId="ADAL" clId="{B0EC83BE-3AC5-42EC-8408-8B0ACB640EA4}" dt="2022-07-17T16:19:40.593" v="6166"/>
          <ac:inkMkLst>
            <pc:docMk/>
            <pc:sldMk cId="2166140154" sldId="529"/>
            <ac:inkMk id="5163" creationId="{2F3D1007-94ED-3952-8157-2C7D406F6A0B}"/>
          </ac:inkMkLst>
        </pc:inkChg>
        <pc:inkChg chg="add del mod">
          <ac:chgData name="Matias Vázquez Piñón" userId="2f86a967-3c9c-4a39-b538-7e6c0574d83d" providerId="ADAL" clId="{B0EC83BE-3AC5-42EC-8408-8B0ACB640EA4}" dt="2022-07-17T16:22:03.799" v="6237" actId="9405"/>
          <ac:inkMkLst>
            <pc:docMk/>
            <pc:sldMk cId="2166140154" sldId="529"/>
            <ac:inkMk id="5165" creationId="{4DADF53D-6988-814F-4385-2112B097973D}"/>
          </ac:inkMkLst>
        </pc:inkChg>
        <pc:inkChg chg="add del mod">
          <ac:chgData name="Matias Vázquez Piñón" userId="2f86a967-3c9c-4a39-b538-7e6c0574d83d" providerId="ADAL" clId="{B0EC83BE-3AC5-42EC-8408-8B0ACB640EA4}" dt="2022-07-17T16:22:03.244" v="6236"/>
          <ac:inkMkLst>
            <pc:docMk/>
            <pc:sldMk cId="2166140154" sldId="529"/>
            <ac:inkMk id="5166" creationId="{CA16CEC0-C60B-949B-A339-1768E0C71040}"/>
          </ac:inkMkLst>
        </pc:inkChg>
        <pc:inkChg chg="add del">
          <ac:chgData name="Matias Vázquez Piñón" userId="2f86a967-3c9c-4a39-b538-7e6c0574d83d" providerId="ADAL" clId="{B0EC83BE-3AC5-42EC-8408-8B0ACB640EA4}" dt="2022-07-17T16:22:01.688" v="6234" actId="9405"/>
          <ac:inkMkLst>
            <pc:docMk/>
            <pc:sldMk cId="2166140154" sldId="529"/>
            <ac:inkMk id="5168" creationId="{DF87FFF0-8AA0-3CE7-00E0-DCFF08D9EF85}"/>
          </ac:inkMkLst>
        </pc:inkChg>
        <pc:inkChg chg="add del mod">
          <ac:chgData name="Matias Vázquez Piñón" userId="2f86a967-3c9c-4a39-b538-7e6c0574d83d" providerId="ADAL" clId="{B0EC83BE-3AC5-42EC-8408-8B0ACB640EA4}" dt="2022-07-17T16:23:48.250" v="6265" actId="9405"/>
          <ac:inkMkLst>
            <pc:docMk/>
            <pc:sldMk cId="2166140154" sldId="529"/>
            <ac:inkMk id="5169" creationId="{749C762F-0F65-A80E-5574-AFFD04CFA4B8}"/>
          </ac:inkMkLst>
        </pc:inkChg>
        <pc:inkChg chg="add del mod">
          <ac:chgData name="Matias Vázquez Piñón" userId="2f86a967-3c9c-4a39-b538-7e6c0574d83d" providerId="ADAL" clId="{B0EC83BE-3AC5-42EC-8408-8B0ACB640EA4}" dt="2022-07-17T16:23:47.735" v="6264"/>
          <ac:inkMkLst>
            <pc:docMk/>
            <pc:sldMk cId="2166140154" sldId="529"/>
            <ac:inkMk id="5170" creationId="{1BEFE53F-A092-F22A-D4D6-AF130D4A59BE}"/>
          </ac:inkMkLst>
        </pc:inkChg>
        <pc:inkChg chg="add del">
          <ac:chgData name="Matias Vázquez Piñón" userId="2f86a967-3c9c-4a39-b538-7e6c0574d83d" providerId="ADAL" clId="{B0EC83BE-3AC5-42EC-8408-8B0ACB640EA4}" dt="2022-07-17T16:23:51.657" v="6267" actId="9405"/>
          <ac:inkMkLst>
            <pc:docMk/>
            <pc:sldMk cId="2166140154" sldId="529"/>
            <ac:inkMk id="5172" creationId="{F34B27BC-C68B-5B68-61F8-4A9C06B0920C}"/>
          </ac:inkMkLst>
        </pc:inkChg>
        <pc:inkChg chg="add mod">
          <ac:chgData name="Matias Vázquez Piñón" userId="2f86a967-3c9c-4a39-b538-7e6c0574d83d" providerId="ADAL" clId="{B0EC83BE-3AC5-42EC-8408-8B0ACB640EA4}" dt="2022-07-17T16:23:54.903" v="6270"/>
          <ac:inkMkLst>
            <pc:docMk/>
            <pc:sldMk cId="2166140154" sldId="529"/>
            <ac:inkMk id="5173" creationId="{94C35EF7-E562-7480-A2B4-FAD531521934}"/>
          </ac:inkMkLst>
        </pc:inkChg>
        <pc:inkChg chg="add mod">
          <ac:chgData name="Matias Vázquez Piñón" userId="2f86a967-3c9c-4a39-b538-7e6c0574d83d" providerId="ADAL" clId="{B0EC83BE-3AC5-42EC-8408-8B0ACB640EA4}" dt="2022-07-17T16:23:54.903" v="6270"/>
          <ac:inkMkLst>
            <pc:docMk/>
            <pc:sldMk cId="2166140154" sldId="529"/>
            <ac:inkMk id="5174" creationId="{25A14661-6A7C-A217-9CEA-540E06B2ABCB}"/>
          </ac:inkMkLst>
        </pc:inkChg>
        <pc:inkChg chg="add mod">
          <ac:chgData name="Matias Vázquez Piñón" userId="2f86a967-3c9c-4a39-b538-7e6c0574d83d" providerId="ADAL" clId="{B0EC83BE-3AC5-42EC-8408-8B0ACB640EA4}" dt="2022-07-17T16:24:18.224" v="6293"/>
          <ac:inkMkLst>
            <pc:docMk/>
            <pc:sldMk cId="2166140154" sldId="529"/>
            <ac:inkMk id="5176" creationId="{DABC95C9-FD3E-57D0-3BB6-5BC6FD21F56F}"/>
          </ac:inkMkLst>
        </pc:inkChg>
        <pc:inkChg chg="add mod">
          <ac:chgData name="Matias Vázquez Piñón" userId="2f86a967-3c9c-4a39-b538-7e6c0574d83d" providerId="ADAL" clId="{B0EC83BE-3AC5-42EC-8408-8B0ACB640EA4}" dt="2022-07-17T16:24:18.224" v="6293"/>
          <ac:inkMkLst>
            <pc:docMk/>
            <pc:sldMk cId="2166140154" sldId="529"/>
            <ac:inkMk id="5177" creationId="{7CABFDE1-D6FA-50DA-6080-4BBCF5DD9F5E}"/>
          </ac:inkMkLst>
        </pc:inkChg>
        <pc:inkChg chg="add mod">
          <ac:chgData name="Matias Vázquez Piñón" userId="2f86a967-3c9c-4a39-b538-7e6c0574d83d" providerId="ADAL" clId="{B0EC83BE-3AC5-42EC-8408-8B0ACB640EA4}" dt="2022-07-17T16:24:15.767" v="6291"/>
          <ac:inkMkLst>
            <pc:docMk/>
            <pc:sldMk cId="2166140154" sldId="529"/>
            <ac:inkMk id="5179" creationId="{9A72355D-D686-D718-C8C8-7D32AFE23227}"/>
          </ac:inkMkLst>
        </pc:inkChg>
        <pc:inkChg chg="add mod">
          <ac:chgData name="Matias Vázquez Piñón" userId="2f86a967-3c9c-4a39-b538-7e6c0574d83d" providerId="ADAL" clId="{B0EC83BE-3AC5-42EC-8408-8B0ACB640EA4}" dt="2022-07-17T16:24:15.767" v="6291"/>
          <ac:inkMkLst>
            <pc:docMk/>
            <pc:sldMk cId="2166140154" sldId="529"/>
            <ac:inkMk id="5180" creationId="{EF32AB7D-E440-A935-3794-888BA998A765}"/>
          </ac:inkMkLst>
        </pc:inkChg>
        <pc:inkChg chg="add del mod">
          <ac:chgData name="Matias Vázquez Piñón" userId="2f86a967-3c9c-4a39-b538-7e6c0574d83d" providerId="ADAL" clId="{B0EC83BE-3AC5-42EC-8408-8B0ACB640EA4}" dt="2022-07-17T16:24:06.122" v="6280"/>
          <ac:inkMkLst>
            <pc:docMk/>
            <pc:sldMk cId="2166140154" sldId="529"/>
            <ac:inkMk id="5182" creationId="{EFBE6C26-58DE-B59E-BAC1-BB211C28872B}"/>
          </ac:inkMkLst>
        </pc:inkChg>
        <pc:cxnChg chg="add del mod">
          <ac:chgData name="Matias Vázquez Piñón" userId="2f86a967-3c9c-4a39-b538-7e6c0574d83d" providerId="ADAL" clId="{B0EC83BE-3AC5-42EC-8408-8B0ACB640EA4}" dt="2022-07-17T16:15:41.436" v="6079" actId="478"/>
          <ac:cxnSpMkLst>
            <pc:docMk/>
            <pc:sldMk cId="2166140154" sldId="529"/>
            <ac:cxnSpMk id="40" creationId="{89D6DA66-60BB-ACCA-8C33-4185DC747E81}"/>
          </ac:cxnSpMkLst>
        </pc:cxnChg>
      </pc:sldChg>
      <pc:sldChg chg="addSp delSp modSp new del mod ord chgLayout">
        <pc:chgData name="Matias Vázquez Piñón" userId="2f86a967-3c9c-4a39-b538-7e6c0574d83d" providerId="ADAL" clId="{B0EC83BE-3AC5-42EC-8408-8B0ACB640EA4}" dt="2022-08-06T14:21:43.589" v="10881" actId="47"/>
        <pc:sldMkLst>
          <pc:docMk/>
          <pc:sldMk cId="4036408492" sldId="530"/>
        </pc:sldMkLst>
        <pc:spChg chg="mod ord">
          <ac:chgData name="Matias Vázquez Piñón" userId="2f86a967-3c9c-4a39-b538-7e6c0574d83d" providerId="ADAL" clId="{B0EC83BE-3AC5-42EC-8408-8B0ACB640EA4}" dt="2022-07-27T20:20:19.815" v="7683" actId="122"/>
          <ac:spMkLst>
            <pc:docMk/>
            <pc:sldMk cId="4036408492" sldId="530"/>
            <ac:spMk id="2" creationId="{338E8783-4493-86AB-907B-B4C8D68BAD7F}"/>
          </ac:spMkLst>
        </pc:spChg>
        <pc:spChg chg="del mod ord">
          <ac:chgData name="Matias Vázquez Piñón" userId="2f86a967-3c9c-4a39-b538-7e6c0574d83d" providerId="ADAL" clId="{B0EC83BE-3AC5-42EC-8408-8B0ACB640EA4}" dt="2022-07-17T16:30:55.143" v="6502" actId="700"/>
          <ac:spMkLst>
            <pc:docMk/>
            <pc:sldMk cId="4036408492" sldId="530"/>
            <ac:spMk id="3" creationId="{2EA35DEC-A1F3-FAB3-2AA9-0E36F6F8702F}"/>
          </ac:spMkLst>
        </pc:spChg>
        <pc:spChg chg="mod ord">
          <ac:chgData name="Matias Vázquez Piñón" userId="2f86a967-3c9c-4a39-b538-7e6c0574d83d" providerId="ADAL" clId="{B0EC83BE-3AC5-42EC-8408-8B0ACB640EA4}" dt="2022-07-17T16:31:42.845" v="6503" actId="700"/>
          <ac:spMkLst>
            <pc:docMk/>
            <pc:sldMk cId="4036408492" sldId="530"/>
            <ac:spMk id="4" creationId="{10F4D1B7-9232-E45D-9173-8F7784BEFF33}"/>
          </ac:spMkLst>
        </pc:spChg>
        <pc:spChg chg="add del mod ord">
          <ac:chgData name="Matias Vázquez Piñón" userId="2f86a967-3c9c-4a39-b538-7e6c0574d83d" providerId="ADAL" clId="{B0EC83BE-3AC5-42EC-8408-8B0ACB640EA4}" dt="2022-07-17T16:31:42.845" v="6503" actId="700"/>
          <ac:spMkLst>
            <pc:docMk/>
            <pc:sldMk cId="4036408492" sldId="530"/>
            <ac:spMk id="5" creationId="{24A18D3A-B9F7-3E8F-8A72-161473C55EDA}"/>
          </ac:spMkLst>
        </pc:spChg>
        <pc:spChg chg="add del mod ord">
          <ac:chgData name="Matias Vázquez Piñón" userId="2f86a967-3c9c-4a39-b538-7e6c0574d83d" providerId="ADAL" clId="{B0EC83BE-3AC5-42EC-8408-8B0ACB640EA4}" dt="2022-07-17T16:31:42.845" v="6503" actId="700"/>
          <ac:spMkLst>
            <pc:docMk/>
            <pc:sldMk cId="4036408492" sldId="530"/>
            <ac:spMk id="6" creationId="{BD3F419D-698E-C03A-30D4-DA1C983A2423}"/>
          </ac:spMkLst>
        </pc:spChg>
        <pc:spChg chg="add del mod ord">
          <ac:chgData name="Matias Vázquez Piñón" userId="2f86a967-3c9c-4a39-b538-7e6c0574d83d" providerId="ADAL" clId="{B0EC83BE-3AC5-42EC-8408-8B0ACB640EA4}" dt="2022-07-17T16:31:42.845" v="6503" actId="700"/>
          <ac:spMkLst>
            <pc:docMk/>
            <pc:sldMk cId="4036408492" sldId="530"/>
            <ac:spMk id="7" creationId="{71AFB00C-E1EA-FA0C-C339-EB12D27D8549}"/>
          </ac:spMkLst>
        </pc:spChg>
        <pc:spChg chg="add del mod ord">
          <ac:chgData name="Matias Vázquez Piñón" userId="2f86a967-3c9c-4a39-b538-7e6c0574d83d" providerId="ADAL" clId="{B0EC83BE-3AC5-42EC-8408-8B0ACB640EA4}" dt="2022-07-17T16:31:42.845" v="6503" actId="700"/>
          <ac:spMkLst>
            <pc:docMk/>
            <pc:sldMk cId="4036408492" sldId="530"/>
            <ac:spMk id="8" creationId="{5996DC62-273B-EDA6-560D-16363BFDBD26}"/>
          </ac:spMkLst>
        </pc:spChg>
        <pc:spChg chg="add del mod ord">
          <ac:chgData name="Matias Vázquez Piñón" userId="2f86a967-3c9c-4a39-b538-7e6c0574d83d" providerId="ADAL" clId="{B0EC83BE-3AC5-42EC-8408-8B0ACB640EA4}" dt="2022-07-17T16:31:42.845" v="6503" actId="700"/>
          <ac:spMkLst>
            <pc:docMk/>
            <pc:sldMk cId="4036408492" sldId="530"/>
            <ac:spMk id="9" creationId="{531E54D9-4A73-626A-A1F6-F04B1D6E86D1}"/>
          </ac:spMkLst>
        </pc:spChg>
        <pc:spChg chg="add del mod ord">
          <ac:chgData name="Matias Vázquez Piñón" userId="2f86a967-3c9c-4a39-b538-7e6c0574d83d" providerId="ADAL" clId="{B0EC83BE-3AC5-42EC-8408-8B0ACB640EA4}" dt="2022-07-17T16:31:42.845" v="6503" actId="700"/>
          <ac:spMkLst>
            <pc:docMk/>
            <pc:sldMk cId="4036408492" sldId="530"/>
            <ac:spMk id="10" creationId="{177CCEEA-1CEE-9CDF-E069-B84038019719}"/>
          </ac:spMkLst>
        </pc:spChg>
        <pc:spChg chg="add del mod ord">
          <ac:chgData name="Matias Vázquez Piñón" userId="2f86a967-3c9c-4a39-b538-7e6c0574d83d" providerId="ADAL" clId="{B0EC83BE-3AC5-42EC-8408-8B0ACB640EA4}" dt="2022-07-17T16:31:42.845" v="6503" actId="700"/>
          <ac:spMkLst>
            <pc:docMk/>
            <pc:sldMk cId="4036408492" sldId="530"/>
            <ac:spMk id="11" creationId="{CA2BF09F-9FFF-0DCE-1DB0-250DC2720209}"/>
          </ac:spMkLst>
        </pc:spChg>
        <pc:spChg chg="add del mod ord">
          <ac:chgData name="Matias Vázquez Piñón" userId="2f86a967-3c9c-4a39-b538-7e6c0574d83d" providerId="ADAL" clId="{B0EC83BE-3AC5-42EC-8408-8B0ACB640EA4}" dt="2022-07-17T16:31:42.845" v="6503" actId="700"/>
          <ac:spMkLst>
            <pc:docMk/>
            <pc:sldMk cId="4036408492" sldId="530"/>
            <ac:spMk id="12" creationId="{8D02ADB2-5A2C-2398-59DC-36F71AEC70CA}"/>
          </ac:spMkLst>
        </pc:spChg>
        <pc:spChg chg="add mod ord">
          <ac:chgData name="Matias Vázquez Piñón" userId="2f86a967-3c9c-4a39-b538-7e6c0574d83d" providerId="ADAL" clId="{B0EC83BE-3AC5-42EC-8408-8B0ACB640EA4}" dt="2022-07-17T21:59:44.377" v="7023"/>
          <ac:spMkLst>
            <pc:docMk/>
            <pc:sldMk cId="4036408492" sldId="530"/>
            <ac:spMk id="13" creationId="{7A44E19C-B623-C924-D2DF-3C89B5D58612}"/>
          </ac:spMkLst>
        </pc:spChg>
        <pc:spChg chg="add del mod ord">
          <ac:chgData name="Matias Vázquez Piñón" userId="2f86a967-3c9c-4a39-b538-7e6c0574d83d" providerId="ADAL" clId="{B0EC83BE-3AC5-42EC-8408-8B0ACB640EA4}" dt="2022-07-17T21:45:51.487" v="6660"/>
          <ac:spMkLst>
            <pc:docMk/>
            <pc:sldMk cId="4036408492" sldId="530"/>
            <ac:spMk id="14" creationId="{1AB9086E-8434-AFC9-F189-B8FC39E30DD6}"/>
          </ac:spMkLst>
        </pc:spChg>
        <pc:spChg chg="add del mod">
          <ac:chgData name="Matias Vázquez Piñón" userId="2f86a967-3c9c-4a39-b538-7e6c0574d83d" providerId="ADAL" clId="{B0EC83BE-3AC5-42EC-8408-8B0ACB640EA4}" dt="2022-07-27T20:20:00.602" v="7658" actId="478"/>
          <ac:spMkLst>
            <pc:docMk/>
            <pc:sldMk cId="4036408492" sldId="530"/>
            <ac:spMk id="14" creationId="{8FF4796C-CF6C-9FC3-3650-5AB0432412C8}"/>
          </ac:spMkLst>
        </pc:spChg>
        <pc:spChg chg="add mod">
          <ac:chgData name="Matias Vázquez Piñón" userId="2f86a967-3c9c-4a39-b538-7e6c0574d83d" providerId="ADAL" clId="{B0EC83BE-3AC5-42EC-8408-8B0ACB640EA4}" dt="2022-07-27T20:20:48.045" v="7704" actId="20577"/>
          <ac:spMkLst>
            <pc:docMk/>
            <pc:sldMk cId="4036408492" sldId="530"/>
            <ac:spMk id="15" creationId="{38B92A5B-BD65-5189-BA2D-A55146235B48}"/>
          </ac:spMkLst>
        </pc:spChg>
        <pc:spChg chg="add del mod ord">
          <ac:chgData name="Matias Vázquez Piñón" userId="2f86a967-3c9c-4a39-b538-7e6c0574d83d" providerId="ADAL" clId="{B0EC83BE-3AC5-42EC-8408-8B0ACB640EA4}" dt="2022-07-17T21:42:41.594" v="6656"/>
          <ac:spMkLst>
            <pc:docMk/>
            <pc:sldMk cId="4036408492" sldId="530"/>
            <ac:spMk id="15" creationId="{682D6C97-AFF3-BBBE-153E-ED06860FC53D}"/>
          </ac:spMkLst>
        </pc:spChg>
        <pc:spChg chg="add del mod ord">
          <ac:chgData name="Matias Vázquez Piñón" userId="2f86a967-3c9c-4a39-b538-7e6c0574d83d" providerId="ADAL" clId="{B0EC83BE-3AC5-42EC-8408-8B0ACB640EA4}" dt="2022-07-17T21:42:11.998" v="6650"/>
          <ac:spMkLst>
            <pc:docMk/>
            <pc:sldMk cId="4036408492" sldId="530"/>
            <ac:spMk id="16" creationId="{F25B4FC4-4B54-1C5B-B6BD-1A8CC411A921}"/>
          </ac:spMkLst>
        </pc:spChg>
        <pc:spChg chg="add mod ord">
          <ac:chgData name="Matias Vázquez Piñón" userId="2f86a967-3c9c-4a39-b538-7e6c0574d83d" providerId="ADAL" clId="{B0EC83BE-3AC5-42EC-8408-8B0ACB640EA4}" dt="2022-07-27T20:20:19.815" v="7683" actId="122"/>
          <ac:spMkLst>
            <pc:docMk/>
            <pc:sldMk cId="4036408492" sldId="530"/>
            <ac:spMk id="17" creationId="{2B66620B-33DB-9C9D-2205-52738DB5AE07}"/>
          </ac:spMkLst>
        </pc:spChg>
        <pc:spChg chg="add mod ord">
          <ac:chgData name="Matias Vázquez Piñón" userId="2f86a967-3c9c-4a39-b538-7e6c0574d83d" providerId="ADAL" clId="{B0EC83BE-3AC5-42EC-8408-8B0ACB640EA4}" dt="2022-07-17T21:56:49.518" v="6968" actId="1076"/>
          <ac:spMkLst>
            <pc:docMk/>
            <pc:sldMk cId="4036408492" sldId="530"/>
            <ac:spMk id="18" creationId="{2EF0E665-3DA7-3634-CFAD-CF393923D087}"/>
          </ac:spMkLst>
        </pc:spChg>
        <pc:spChg chg="add mod ord">
          <ac:chgData name="Matias Vázquez Piñón" userId="2f86a967-3c9c-4a39-b538-7e6c0574d83d" providerId="ADAL" clId="{B0EC83BE-3AC5-42EC-8408-8B0ACB640EA4}" dt="2022-07-27T20:20:19.815" v="7683" actId="122"/>
          <ac:spMkLst>
            <pc:docMk/>
            <pc:sldMk cId="4036408492" sldId="530"/>
            <ac:spMk id="19" creationId="{5008AE85-967C-513B-4540-DE3723295F82}"/>
          </ac:spMkLst>
        </pc:spChg>
        <pc:spChg chg="add mod ord">
          <ac:chgData name="Matias Vázquez Piñón" userId="2f86a967-3c9c-4a39-b538-7e6c0574d83d" providerId="ADAL" clId="{B0EC83BE-3AC5-42EC-8408-8B0ACB640EA4}" dt="2022-07-17T21:52:28.929" v="6893"/>
          <ac:spMkLst>
            <pc:docMk/>
            <pc:sldMk cId="4036408492" sldId="530"/>
            <ac:spMk id="20" creationId="{66CE59AA-48C7-D937-B06F-CF49FC73FB80}"/>
          </ac:spMkLst>
        </pc:spChg>
        <pc:spChg chg="add del mod">
          <ac:chgData name="Matias Vázquez Piñón" userId="2f86a967-3c9c-4a39-b538-7e6c0574d83d" providerId="ADAL" clId="{B0EC83BE-3AC5-42EC-8408-8B0ACB640EA4}" dt="2022-07-17T21:49:07.670" v="6680"/>
          <ac:spMkLst>
            <pc:docMk/>
            <pc:sldMk cId="4036408492" sldId="530"/>
            <ac:spMk id="36" creationId="{9E7F35BC-54F0-7F1C-9CFA-BE542E8499D6}"/>
          </ac:spMkLst>
        </pc:spChg>
        <pc:spChg chg="add del mod">
          <ac:chgData name="Matias Vázquez Piñón" userId="2f86a967-3c9c-4a39-b538-7e6c0574d83d" providerId="ADAL" clId="{B0EC83BE-3AC5-42EC-8408-8B0ACB640EA4}" dt="2022-07-17T21:56:25.911" v="6963"/>
          <ac:spMkLst>
            <pc:docMk/>
            <pc:sldMk cId="4036408492" sldId="530"/>
            <ac:spMk id="39" creationId="{3CEBB58C-3CC2-4E28-F617-6290A593F79B}"/>
          </ac:spMkLst>
        </pc:spChg>
        <pc:spChg chg="add del mod">
          <ac:chgData name="Matias Vázquez Piñón" userId="2f86a967-3c9c-4a39-b538-7e6c0574d83d" providerId="ADAL" clId="{B0EC83BE-3AC5-42EC-8408-8B0ACB640EA4}" dt="2022-07-17T21:59:49.634" v="7026"/>
          <ac:spMkLst>
            <pc:docMk/>
            <pc:sldMk cId="4036408492" sldId="530"/>
            <ac:spMk id="41" creationId="{84260737-A396-A3C4-3DAD-B154F48DBD7D}"/>
          </ac:spMkLst>
        </pc:spChg>
        <pc:picChg chg="add del mod">
          <ac:chgData name="Matias Vázquez Piñón" userId="2f86a967-3c9c-4a39-b538-7e6c0574d83d" providerId="ADAL" clId="{B0EC83BE-3AC5-42EC-8408-8B0ACB640EA4}" dt="2022-07-17T21:41:03.798" v="6633"/>
          <ac:picMkLst>
            <pc:docMk/>
            <pc:sldMk cId="4036408492" sldId="530"/>
            <ac:picMk id="21" creationId="{09E860CD-E1DE-31C4-9690-E010DE3CE3A1}"/>
          </ac:picMkLst>
        </pc:picChg>
        <pc:picChg chg="add del mod">
          <ac:chgData name="Matias Vázquez Piñón" userId="2f86a967-3c9c-4a39-b538-7e6c0574d83d" providerId="ADAL" clId="{B0EC83BE-3AC5-42EC-8408-8B0ACB640EA4}" dt="2022-07-17T21:41:20.292" v="6635"/>
          <ac:picMkLst>
            <pc:docMk/>
            <pc:sldMk cId="4036408492" sldId="530"/>
            <ac:picMk id="22" creationId="{3D49B8ED-C092-621C-8F97-EF3976F54303}"/>
          </ac:picMkLst>
        </pc:picChg>
        <pc:picChg chg="add del mod">
          <ac:chgData name="Matias Vázquez Piñón" userId="2f86a967-3c9c-4a39-b538-7e6c0574d83d" providerId="ADAL" clId="{B0EC83BE-3AC5-42EC-8408-8B0ACB640EA4}" dt="2022-07-17T21:46:22.813" v="6668" actId="478"/>
          <ac:picMkLst>
            <pc:docMk/>
            <pc:sldMk cId="4036408492" sldId="530"/>
            <ac:picMk id="23" creationId="{3A5CDC2F-2B2C-B555-6E53-B361C642728C}"/>
          </ac:picMkLst>
        </pc:picChg>
        <pc:picChg chg="add del mod">
          <ac:chgData name="Matias Vázquez Piñón" userId="2f86a967-3c9c-4a39-b538-7e6c0574d83d" providerId="ADAL" clId="{B0EC83BE-3AC5-42EC-8408-8B0ACB640EA4}" dt="2022-07-17T21:42:39.620" v="6655" actId="21"/>
          <ac:picMkLst>
            <pc:docMk/>
            <pc:sldMk cId="4036408492" sldId="530"/>
            <ac:picMk id="24" creationId="{8B65A23A-DC77-92D0-09D3-26C461B0083C}"/>
          </ac:picMkLst>
        </pc:picChg>
        <pc:picChg chg="add del mod">
          <ac:chgData name="Matias Vázquez Piñón" userId="2f86a967-3c9c-4a39-b538-7e6c0574d83d" providerId="ADAL" clId="{B0EC83BE-3AC5-42EC-8408-8B0ACB640EA4}" dt="2022-07-17T21:42:01.160" v="6644"/>
          <ac:picMkLst>
            <pc:docMk/>
            <pc:sldMk cId="4036408492" sldId="530"/>
            <ac:picMk id="26" creationId="{8647E897-1E6B-26FA-963C-B6C2F53AD22F}"/>
          </ac:picMkLst>
        </pc:picChg>
        <pc:picChg chg="add del mod">
          <ac:chgData name="Matias Vázquez Piñón" userId="2f86a967-3c9c-4a39-b538-7e6c0574d83d" providerId="ADAL" clId="{B0EC83BE-3AC5-42EC-8408-8B0ACB640EA4}" dt="2022-07-17T21:42:06.186" v="6649"/>
          <ac:picMkLst>
            <pc:docMk/>
            <pc:sldMk cId="4036408492" sldId="530"/>
            <ac:picMk id="28" creationId="{EB28F88D-FB83-CD95-BB49-853BBFFC1001}"/>
          </ac:picMkLst>
        </pc:picChg>
        <pc:picChg chg="add mod">
          <ac:chgData name="Matias Vázquez Piñón" userId="2f86a967-3c9c-4a39-b538-7e6c0574d83d" providerId="ADAL" clId="{B0EC83BE-3AC5-42EC-8408-8B0ACB640EA4}" dt="2022-07-27T20:19:54.269" v="7656" actId="1076"/>
          <ac:picMkLst>
            <pc:docMk/>
            <pc:sldMk cId="4036408492" sldId="530"/>
            <ac:picMk id="30" creationId="{8EE192A9-4397-C09F-077E-FFE921E72BE4}"/>
          </ac:picMkLst>
        </pc:picChg>
        <pc:picChg chg="add del mod">
          <ac:chgData name="Matias Vázquez Piñón" userId="2f86a967-3c9c-4a39-b538-7e6c0574d83d" providerId="ADAL" clId="{B0EC83BE-3AC5-42EC-8408-8B0ACB640EA4}" dt="2022-07-17T21:47:55.218" v="6679" actId="478"/>
          <ac:picMkLst>
            <pc:docMk/>
            <pc:sldMk cId="4036408492" sldId="530"/>
            <ac:picMk id="31" creationId="{C3CB61AE-CFE5-50A1-ADDD-52CDD21FBCD2}"/>
          </ac:picMkLst>
        </pc:picChg>
        <pc:picChg chg="add del mod">
          <ac:chgData name="Matias Vázquez Piñón" userId="2f86a967-3c9c-4a39-b538-7e6c0574d83d" providerId="ADAL" clId="{B0EC83BE-3AC5-42EC-8408-8B0ACB640EA4}" dt="2022-07-17T21:56:21.693" v="6960" actId="478"/>
          <ac:picMkLst>
            <pc:docMk/>
            <pc:sldMk cId="4036408492" sldId="530"/>
            <ac:picMk id="33" creationId="{BA9B6335-AE73-56D3-D3D2-61CB36CE7169}"/>
          </ac:picMkLst>
        </pc:picChg>
        <pc:picChg chg="add mod">
          <ac:chgData name="Matias Vázquez Piñón" userId="2f86a967-3c9c-4a39-b538-7e6c0574d83d" providerId="ADAL" clId="{B0EC83BE-3AC5-42EC-8408-8B0ACB640EA4}" dt="2022-07-27T20:19:39.629" v="7652" actId="1076"/>
          <ac:picMkLst>
            <pc:docMk/>
            <pc:sldMk cId="4036408492" sldId="530"/>
            <ac:picMk id="38" creationId="{BAD827C1-579B-26FB-5810-A452EA952662}"/>
          </ac:picMkLst>
        </pc:picChg>
        <pc:picChg chg="add del mod">
          <ac:chgData name="Matias Vázquez Piñón" userId="2f86a967-3c9c-4a39-b538-7e6c0574d83d" providerId="ADAL" clId="{B0EC83BE-3AC5-42EC-8408-8B0ACB640EA4}" dt="2022-07-17T21:56:24.524" v="6962" actId="21"/>
          <ac:picMkLst>
            <pc:docMk/>
            <pc:sldMk cId="4036408492" sldId="530"/>
            <ac:picMk id="40" creationId="{1319562C-E9C2-B55A-C20C-B77E3F375DEF}"/>
          </ac:picMkLst>
        </pc:picChg>
        <pc:picChg chg="add del mod">
          <ac:chgData name="Matias Vázquez Piñón" userId="2f86a967-3c9c-4a39-b538-7e6c0574d83d" providerId="ADAL" clId="{B0EC83BE-3AC5-42EC-8408-8B0ACB640EA4}" dt="2022-07-17T21:59:46.283" v="7024" actId="478"/>
          <ac:picMkLst>
            <pc:docMk/>
            <pc:sldMk cId="4036408492" sldId="530"/>
            <ac:picMk id="42" creationId="{564DFC3E-2992-AB75-9AE7-2DBB644B864F}"/>
          </ac:picMkLst>
        </pc:picChg>
        <pc:picChg chg="add mod">
          <ac:chgData name="Matias Vázquez Piñón" userId="2f86a967-3c9c-4a39-b538-7e6c0574d83d" providerId="ADAL" clId="{B0EC83BE-3AC5-42EC-8408-8B0ACB640EA4}" dt="2022-07-27T20:19:31.049" v="7650" actId="1076"/>
          <ac:picMkLst>
            <pc:docMk/>
            <pc:sldMk cId="4036408492" sldId="530"/>
            <ac:picMk id="46" creationId="{1973C538-BE9A-0C6D-A589-2C12C0CB708D}"/>
          </ac:picMkLst>
        </pc:picChg>
        <pc:picChg chg="add mod">
          <ac:chgData name="Matias Vázquez Piñón" userId="2f86a967-3c9c-4a39-b538-7e6c0574d83d" providerId="ADAL" clId="{B0EC83BE-3AC5-42EC-8408-8B0ACB640EA4}" dt="2022-07-17T21:57:56.405" v="6974" actId="1076"/>
          <ac:picMkLst>
            <pc:docMk/>
            <pc:sldMk cId="4036408492" sldId="530"/>
            <ac:picMk id="7170" creationId="{53E0416C-71D2-9FA8-5731-12DADF84EF2A}"/>
          </ac:picMkLst>
        </pc:picChg>
        <pc:picChg chg="add mod">
          <ac:chgData name="Matias Vázquez Piñón" userId="2f86a967-3c9c-4a39-b538-7e6c0574d83d" providerId="ADAL" clId="{B0EC83BE-3AC5-42EC-8408-8B0ACB640EA4}" dt="2022-07-17T21:58:42.576" v="6978"/>
          <ac:picMkLst>
            <pc:docMk/>
            <pc:sldMk cId="4036408492" sldId="530"/>
            <ac:picMk id="7172" creationId="{CD253DCF-0A10-5DED-997A-45030BBFBEF3}"/>
          </ac:picMkLst>
        </pc:picChg>
        <pc:picChg chg="add del mod">
          <ac:chgData name="Matias Vázquez Piñón" userId="2f86a967-3c9c-4a39-b538-7e6c0574d83d" providerId="ADAL" clId="{B0EC83BE-3AC5-42EC-8408-8B0ACB640EA4}" dt="2022-07-17T21:59:48.070" v="7025" actId="21"/>
          <ac:picMkLst>
            <pc:docMk/>
            <pc:sldMk cId="4036408492" sldId="530"/>
            <ac:picMk id="7174" creationId="{4FC5429B-5EF3-3FC0-7574-7E2AAFF9CAB4}"/>
          </ac:picMkLst>
        </pc:picChg>
        <pc:cxnChg chg="add del mod">
          <ac:chgData name="Matias Vázquez Piñón" userId="2f86a967-3c9c-4a39-b538-7e6c0574d83d" providerId="ADAL" clId="{B0EC83BE-3AC5-42EC-8408-8B0ACB640EA4}" dt="2022-07-17T21:49:35.666" v="6687" actId="478"/>
          <ac:cxnSpMkLst>
            <pc:docMk/>
            <pc:sldMk cId="4036408492" sldId="530"/>
            <ac:cxnSpMk id="35" creationId="{0A227EBD-D070-3A77-DF21-FFA7226D088E}"/>
          </ac:cxnSpMkLst>
        </pc:cxnChg>
      </pc:sldChg>
      <pc:sldChg chg="addSp delSp modSp new del mod ord">
        <pc:chgData name="Matias Vázquez Piñón" userId="2f86a967-3c9c-4a39-b538-7e6c0574d83d" providerId="ADAL" clId="{B0EC83BE-3AC5-42EC-8408-8B0ACB640EA4}" dt="2022-07-17T16:30:30.409" v="6461" actId="47"/>
        <pc:sldMkLst>
          <pc:docMk/>
          <pc:sldMk cId="385858229" sldId="531"/>
        </pc:sldMkLst>
        <pc:spChg chg="mod">
          <ac:chgData name="Matias Vázquez Piñón" userId="2f86a967-3c9c-4a39-b538-7e6c0574d83d" providerId="ADAL" clId="{B0EC83BE-3AC5-42EC-8408-8B0ACB640EA4}" dt="2022-07-17T14:57:30.854" v="4438" actId="20577"/>
          <ac:spMkLst>
            <pc:docMk/>
            <pc:sldMk cId="385858229" sldId="531"/>
            <ac:spMk id="2" creationId="{F13599FA-BEB2-7480-974B-D1FE67E493AA}"/>
          </ac:spMkLst>
        </pc:spChg>
        <pc:spChg chg="del">
          <ac:chgData name="Matias Vázquez Piñón" userId="2f86a967-3c9c-4a39-b538-7e6c0574d83d" providerId="ADAL" clId="{B0EC83BE-3AC5-42EC-8408-8B0ACB640EA4}" dt="2022-07-17T14:57:37.834" v="4439"/>
          <ac:spMkLst>
            <pc:docMk/>
            <pc:sldMk cId="385858229" sldId="531"/>
            <ac:spMk id="4" creationId="{700665B0-7C68-DBD6-38FA-0DFACC7093A7}"/>
          </ac:spMkLst>
        </pc:spChg>
        <pc:spChg chg="del">
          <ac:chgData name="Matias Vázquez Piñón" userId="2f86a967-3c9c-4a39-b538-7e6c0574d83d" providerId="ADAL" clId="{B0EC83BE-3AC5-42EC-8408-8B0ACB640EA4}" dt="2022-07-17T14:58:21.493" v="4444"/>
          <ac:spMkLst>
            <pc:docMk/>
            <pc:sldMk cId="385858229" sldId="531"/>
            <ac:spMk id="5" creationId="{DD5D8FAD-8E3D-5BBA-B29B-5A99E748A724}"/>
          </ac:spMkLst>
        </pc:spChg>
        <pc:spChg chg="add del mod">
          <ac:chgData name="Matias Vázquez Piñón" userId="2f86a967-3c9c-4a39-b538-7e6c0574d83d" providerId="ADAL" clId="{B0EC83BE-3AC5-42EC-8408-8B0ACB640EA4}" dt="2022-07-17T14:59:44.348" v="4454"/>
          <ac:spMkLst>
            <pc:docMk/>
            <pc:sldMk cId="385858229" sldId="531"/>
            <ac:spMk id="12" creationId="{5836FF44-8DB6-EBCC-E88A-2581F798DD2C}"/>
          </ac:spMkLst>
        </pc:spChg>
        <pc:spChg chg="add del mod">
          <ac:chgData name="Matias Vázquez Piñón" userId="2f86a967-3c9c-4a39-b538-7e6c0574d83d" providerId="ADAL" clId="{B0EC83BE-3AC5-42EC-8408-8B0ACB640EA4}" dt="2022-07-17T15:00:31.205" v="4461"/>
          <ac:spMkLst>
            <pc:docMk/>
            <pc:sldMk cId="385858229" sldId="531"/>
            <ac:spMk id="13" creationId="{171F9DAA-F931-3428-9270-964FE0FC89A6}"/>
          </ac:spMkLst>
        </pc:spChg>
        <pc:spChg chg="add del mod">
          <ac:chgData name="Matias Vázquez Piñón" userId="2f86a967-3c9c-4a39-b538-7e6c0574d83d" providerId="ADAL" clId="{B0EC83BE-3AC5-42EC-8408-8B0ACB640EA4}" dt="2022-07-17T15:00:34.383" v="4463"/>
          <ac:spMkLst>
            <pc:docMk/>
            <pc:sldMk cId="385858229" sldId="531"/>
            <ac:spMk id="15" creationId="{E6D45414-F5FF-3560-1C65-2B8C13AA1B26}"/>
          </ac:spMkLst>
        </pc:spChg>
        <pc:spChg chg="add del mod">
          <ac:chgData name="Matias Vázquez Piñón" userId="2f86a967-3c9c-4a39-b538-7e6c0574d83d" providerId="ADAL" clId="{B0EC83BE-3AC5-42EC-8408-8B0ACB640EA4}" dt="2022-07-17T16:09:16.653" v="5882" actId="21"/>
          <ac:spMkLst>
            <pc:docMk/>
            <pc:sldMk cId="385858229" sldId="531"/>
            <ac:spMk id="17" creationId="{6956D675-0AAA-D41A-1FC1-43A46D04977E}"/>
          </ac:spMkLst>
        </pc:spChg>
        <pc:spChg chg="add del mod">
          <ac:chgData name="Matias Vázquez Piñón" userId="2f86a967-3c9c-4a39-b538-7e6c0574d83d" providerId="ADAL" clId="{B0EC83BE-3AC5-42EC-8408-8B0ACB640EA4}" dt="2022-07-17T16:07:57.462" v="5859" actId="21"/>
          <ac:spMkLst>
            <pc:docMk/>
            <pc:sldMk cId="385858229" sldId="531"/>
            <ac:spMk id="20" creationId="{537D9A27-F189-B4A3-123A-A1BC03C9DD77}"/>
          </ac:spMkLst>
        </pc:spChg>
        <pc:spChg chg="add mod">
          <ac:chgData name="Matias Vázquez Piñón" userId="2f86a967-3c9c-4a39-b538-7e6c0574d83d" providerId="ADAL" clId="{B0EC83BE-3AC5-42EC-8408-8B0ACB640EA4}" dt="2022-07-17T15:02:24.412" v="4525" actId="1035"/>
          <ac:spMkLst>
            <pc:docMk/>
            <pc:sldMk cId="385858229" sldId="531"/>
            <ac:spMk id="21" creationId="{F651BC8B-A680-7D37-31D9-4C09561AAE75}"/>
          </ac:spMkLst>
        </pc:spChg>
        <pc:picChg chg="add del mod">
          <ac:chgData name="Matias Vázquez Piñón" userId="2f86a967-3c9c-4a39-b538-7e6c0574d83d" providerId="ADAL" clId="{B0EC83BE-3AC5-42EC-8408-8B0ACB640EA4}" dt="2022-07-17T15:00:25.801" v="4457" actId="21"/>
          <ac:picMkLst>
            <pc:docMk/>
            <pc:sldMk cId="385858229" sldId="531"/>
            <ac:picMk id="8" creationId="{29EC2267-4219-E5BD-6F78-CC28A72D36F2}"/>
          </ac:picMkLst>
        </pc:picChg>
        <pc:picChg chg="add del">
          <ac:chgData name="Matias Vázquez Piñón" userId="2f86a967-3c9c-4a39-b538-7e6c0574d83d" providerId="ADAL" clId="{B0EC83BE-3AC5-42EC-8408-8B0ACB640EA4}" dt="2022-07-17T14:58:20.294" v="4443" actId="21"/>
          <ac:picMkLst>
            <pc:docMk/>
            <pc:sldMk cId="385858229" sldId="531"/>
            <ac:picMk id="10" creationId="{C217C0E1-E190-94DA-337C-2157B77C4706}"/>
          </ac:picMkLst>
        </pc:picChg>
        <pc:picChg chg="add del mod">
          <ac:chgData name="Matias Vázquez Piñón" userId="2f86a967-3c9c-4a39-b538-7e6c0574d83d" providerId="ADAL" clId="{B0EC83BE-3AC5-42EC-8408-8B0ACB640EA4}" dt="2022-07-17T14:58:37.978" v="4447" actId="478"/>
          <ac:picMkLst>
            <pc:docMk/>
            <pc:sldMk cId="385858229" sldId="531"/>
            <ac:picMk id="11" creationId="{C11DBD66-D0B5-72B8-6998-96C228DD614D}"/>
          </ac:picMkLst>
        </pc:picChg>
        <pc:picChg chg="add del mod">
          <ac:chgData name="Matias Vázquez Piñón" userId="2f86a967-3c9c-4a39-b538-7e6c0574d83d" providerId="ADAL" clId="{B0EC83BE-3AC5-42EC-8408-8B0ACB640EA4}" dt="2022-07-17T15:00:30.111" v="4460" actId="21"/>
          <ac:picMkLst>
            <pc:docMk/>
            <pc:sldMk cId="385858229" sldId="531"/>
            <ac:picMk id="14" creationId="{4E7431D2-46C1-0C5F-0AB6-425319D192D0}"/>
          </ac:picMkLst>
        </pc:picChg>
        <pc:picChg chg="add del mod">
          <ac:chgData name="Matias Vázquez Piñón" userId="2f86a967-3c9c-4a39-b538-7e6c0574d83d" providerId="ADAL" clId="{B0EC83BE-3AC5-42EC-8408-8B0ACB640EA4}" dt="2022-07-17T15:00:33.313" v="4462" actId="21"/>
          <ac:picMkLst>
            <pc:docMk/>
            <pc:sldMk cId="385858229" sldId="531"/>
            <ac:picMk id="16" creationId="{9CBD1E72-1B2B-0979-8ABC-34D6656CB9EF}"/>
          </ac:picMkLst>
        </pc:picChg>
        <pc:picChg chg="add del mod">
          <ac:chgData name="Matias Vázquez Piñón" userId="2f86a967-3c9c-4a39-b538-7e6c0574d83d" providerId="ADAL" clId="{B0EC83BE-3AC5-42EC-8408-8B0ACB640EA4}" dt="2022-07-17T16:07:57.462" v="5859" actId="21"/>
          <ac:picMkLst>
            <pc:docMk/>
            <pc:sldMk cId="385858229" sldId="531"/>
            <ac:picMk id="18" creationId="{D817DA08-B93D-F1E7-D1C7-09B071C9AE40}"/>
          </ac:picMkLst>
        </pc:picChg>
        <pc:picChg chg="add mod">
          <ac:chgData name="Matias Vázquez Piñón" userId="2f86a967-3c9c-4a39-b538-7e6c0574d83d" providerId="ADAL" clId="{B0EC83BE-3AC5-42EC-8408-8B0ACB640EA4}" dt="2022-07-17T15:00:34.383" v="4463"/>
          <ac:picMkLst>
            <pc:docMk/>
            <pc:sldMk cId="385858229" sldId="531"/>
            <ac:picMk id="19" creationId="{C16B87ED-658F-D361-4FCA-0C90CD1FF511}"/>
          </ac:picMkLst>
        </pc:picChg>
        <pc:picChg chg="add del mod">
          <ac:chgData name="Matias Vázquez Piñón" userId="2f86a967-3c9c-4a39-b538-7e6c0574d83d" providerId="ADAL" clId="{B0EC83BE-3AC5-42EC-8408-8B0ACB640EA4}" dt="2022-07-17T14:59:42.894" v="4453" actId="21"/>
          <ac:picMkLst>
            <pc:docMk/>
            <pc:sldMk cId="385858229" sldId="531"/>
            <ac:picMk id="4098" creationId="{4DE9DBEB-BCA7-AB68-2788-7E7B33D61889}"/>
          </ac:picMkLst>
        </pc:picChg>
      </pc:sldChg>
      <pc:sldChg chg="addSp modSp new del mod ord">
        <pc:chgData name="Matias Vázquez Piñón" userId="2f86a967-3c9c-4a39-b538-7e6c0574d83d" providerId="ADAL" clId="{B0EC83BE-3AC5-42EC-8408-8B0ACB640EA4}" dt="2022-08-06T13:46:56.502" v="10388" actId="47"/>
        <pc:sldMkLst>
          <pc:docMk/>
          <pc:sldMk cId="2324915294" sldId="532"/>
        </pc:sldMkLst>
        <pc:spChg chg="mod">
          <ac:chgData name="Matias Vázquez Piñón" userId="2f86a967-3c9c-4a39-b538-7e6c0574d83d" providerId="ADAL" clId="{B0EC83BE-3AC5-42EC-8408-8B0ACB640EA4}" dt="2022-07-27T20:18:28.074" v="7632" actId="20577"/>
          <ac:spMkLst>
            <pc:docMk/>
            <pc:sldMk cId="2324915294" sldId="532"/>
            <ac:spMk id="2" creationId="{0760B2BA-9B4F-3C54-BE9A-BC10E5565DA9}"/>
          </ac:spMkLst>
        </pc:spChg>
        <pc:spChg chg="mod">
          <ac:chgData name="Matias Vázquez Piñón" userId="2f86a967-3c9c-4a39-b538-7e6c0574d83d" providerId="ADAL" clId="{B0EC83BE-3AC5-42EC-8408-8B0ACB640EA4}" dt="2022-07-17T16:02:55.456" v="5785" actId="1037"/>
          <ac:spMkLst>
            <pc:docMk/>
            <pc:sldMk cId="2324915294" sldId="532"/>
            <ac:spMk id="3" creationId="{A7E57CF6-D7B9-012A-B835-69915E4C579B}"/>
          </ac:spMkLst>
        </pc:spChg>
        <pc:spChg chg="mod">
          <ac:chgData name="Matias Vázquez Piñón" userId="2f86a967-3c9c-4a39-b538-7e6c0574d83d" providerId="ADAL" clId="{B0EC83BE-3AC5-42EC-8408-8B0ACB640EA4}" dt="2022-07-17T16:05:49.071" v="5835" actId="207"/>
          <ac:spMkLst>
            <pc:docMk/>
            <pc:sldMk cId="2324915294" sldId="532"/>
            <ac:spMk id="4" creationId="{42836E10-3D76-7648-283D-6775DD9933BD}"/>
          </ac:spMkLst>
        </pc:spChg>
        <pc:spChg chg="add mod ord">
          <ac:chgData name="Matias Vázquez Piñón" userId="2f86a967-3c9c-4a39-b538-7e6c0574d83d" providerId="ADAL" clId="{B0EC83BE-3AC5-42EC-8408-8B0ACB640EA4}" dt="2022-07-17T16:03:52.875" v="5828" actId="1076"/>
          <ac:spMkLst>
            <pc:docMk/>
            <pc:sldMk cId="2324915294" sldId="532"/>
            <ac:spMk id="6" creationId="{2983B76C-5170-BEBD-AB90-FB7292F0C8F1}"/>
          </ac:spMkLst>
        </pc:spChg>
        <pc:spChg chg="add mod ord">
          <ac:chgData name="Matias Vázquez Piñón" userId="2f86a967-3c9c-4a39-b538-7e6c0574d83d" providerId="ADAL" clId="{B0EC83BE-3AC5-42EC-8408-8B0ACB640EA4}" dt="2022-07-17T16:02:55.456" v="5785" actId="1037"/>
          <ac:spMkLst>
            <pc:docMk/>
            <pc:sldMk cId="2324915294" sldId="532"/>
            <ac:spMk id="7" creationId="{19A67074-4ED9-2477-6BEF-258BD6B925D5}"/>
          </ac:spMkLst>
        </pc:spChg>
        <pc:spChg chg="add mod ord">
          <ac:chgData name="Matias Vázquez Piñón" userId="2f86a967-3c9c-4a39-b538-7e6c0574d83d" providerId="ADAL" clId="{B0EC83BE-3AC5-42EC-8408-8B0ACB640EA4}" dt="2022-07-17T16:04:14.228" v="5831" actId="1076"/>
          <ac:spMkLst>
            <pc:docMk/>
            <pc:sldMk cId="2324915294" sldId="532"/>
            <ac:spMk id="8" creationId="{F37C69C9-0B16-15C5-75E3-97D8297FB01D}"/>
          </ac:spMkLst>
        </pc:spChg>
        <pc:spChg chg="add mod ord">
          <ac:chgData name="Matias Vázquez Piñón" userId="2f86a967-3c9c-4a39-b538-7e6c0574d83d" providerId="ADAL" clId="{B0EC83BE-3AC5-42EC-8408-8B0ACB640EA4}" dt="2022-07-17T16:03:57.027" v="5829" actId="1076"/>
          <ac:spMkLst>
            <pc:docMk/>
            <pc:sldMk cId="2324915294" sldId="532"/>
            <ac:spMk id="9" creationId="{9525E8E4-F083-8253-9B40-BF2091C5ED6A}"/>
          </ac:spMkLst>
        </pc:spChg>
        <pc:spChg chg="add mod">
          <ac:chgData name="Matias Vázquez Piñón" userId="2f86a967-3c9c-4a39-b538-7e6c0574d83d" providerId="ADAL" clId="{B0EC83BE-3AC5-42EC-8408-8B0ACB640EA4}" dt="2022-07-17T16:04:09.787" v="5830" actId="1076"/>
          <ac:spMkLst>
            <pc:docMk/>
            <pc:sldMk cId="2324915294" sldId="532"/>
            <ac:spMk id="10" creationId="{46DFFA1E-1260-2D38-1570-77DE11E01D6C}"/>
          </ac:spMkLst>
        </pc:spChg>
        <pc:spChg chg="add mod">
          <ac:chgData name="Matias Vázquez Piñón" userId="2f86a967-3c9c-4a39-b538-7e6c0574d83d" providerId="ADAL" clId="{B0EC83BE-3AC5-42EC-8408-8B0ACB640EA4}" dt="2022-07-17T16:04:21.026" v="5832" actId="1076"/>
          <ac:spMkLst>
            <pc:docMk/>
            <pc:sldMk cId="2324915294" sldId="532"/>
            <ac:spMk id="11" creationId="{9B8B354C-7C0B-B79F-008C-B83F43DC01D4}"/>
          </ac:spMkLst>
        </pc:spChg>
        <pc:spChg chg="add mod ord">
          <ac:chgData name="Matias Vázquez Piñón" userId="2f86a967-3c9c-4a39-b538-7e6c0574d83d" providerId="ADAL" clId="{B0EC83BE-3AC5-42EC-8408-8B0ACB640EA4}" dt="2022-07-17T16:05:29.647" v="5834" actId="207"/>
          <ac:spMkLst>
            <pc:docMk/>
            <pc:sldMk cId="2324915294" sldId="532"/>
            <ac:spMk id="12" creationId="{DED8AFCB-8E45-B8EA-660D-FD4B6538EB94}"/>
          </ac:spMkLst>
        </pc:spChg>
        <pc:spChg chg="add mod">
          <ac:chgData name="Matias Vázquez Piñón" userId="2f86a967-3c9c-4a39-b538-7e6c0574d83d" providerId="ADAL" clId="{B0EC83BE-3AC5-42EC-8408-8B0ACB640EA4}" dt="2022-07-17T16:05:51.893" v="5836" actId="207"/>
          <ac:spMkLst>
            <pc:docMk/>
            <pc:sldMk cId="2324915294" sldId="532"/>
            <ac:spMk id="13" creationId="{76B39B7E-1B84-A197-C7E2-E5C4FBFC0D44}"/>
          </ac:spMkLst>
        </pc:spChg>
      </pc:sldChg>
      <pc:sldChg chg="add del">
        <pc:chgData name="Matias Vázquez Piñón" userId="2f86a967-3c9c-4a39-b538-7e6c0574d83d" providerId="ADAL" clId="{B0EC83BE-3AC5-42EC-8408-8B0ACB640EA4}" dt="2022-07-17T16:08:57.179" v="5873"/>
        <pc:sldMkLst>
          <pc:docMk/>
          <pc:sldMk cId="594305832" sldId="533"/>
        </pc:sldMkLst>
      </pc:sldChg>
      <pc:sldChg chg="new del">
        <pc:chgData name="Matias Vázquez Piñón" userId="2f86a967-3c9c-4a39-b538-7e6c0574d83d" providerId="ADAL" clId="{B0EC83BE-3AC5-42EC-8408-8B0ACB640EA4}" dt="2022-07-17T16:07:27.448" v="5853" actId="47"/>
        <pc:sldMkLst>
          <pc:docMk/>
          <pc:sldMk cId="1864922637" sldId="533"/>
        </pc:sldMkLst>
      </pc:sldChg>
      <pc:sldChg chg="addSp delSp modSp mod">
        <pc:chgData name="Matias Vázquez Piñón" userId="2f86a967-3c9c-4a39-b538-7e6c0574d83d" providerId="ADAL" clId="{B0EC83BE-3AC5-42EC-8408-8B0ACB640EA4}" dt="2022-08-07T18:31:39.562" v="13482" actId="12100"/>
        <pc:sldMkLst>
          <pc:docMk/>
          <pc:sldMk cId="2070974135" sldId="533"/>
        </pc:sldMkLst>
        <pc:spChg chg="mod">
          <ac:chgData name="Matias Vázquez Piñón" userId="2f86a967-3c9c-4a39-b538-7e6c0574d83d" providerId="ADAL" clId="{B0EC83BE-3AC5-42EC-8408-8B0ACB640EA4}" dt="2022-08-06T14:27:32.925" v="10975" actId="20577"/>
          <ac:spMkLst>
            <pc:docMk/>
            <pc:sldMk cId="2070974135" sldId="533"/>
            <ac:spMk id="2" creationId="{B665A09D-E0ED-AD78-0D5F-19E53A6D0A8E}"/>
          </ac:spMkLst>
        </pc:spChg>
        <pc:spChg chg="del mod">
          <ac:chgData name="Matias Vázquez Piñón" userId="2f86a967-3c9c-4a39-b538-7e6c0574d83d" providerId="ADAL" clId="{B0EC83BE-3AC5-42EC-8408-8B0ACB640EA4}" dt="2022-07-27T20:08:32.372" v="7323"/>
          <ac:spMkLst>
            <pc:docMk/>
            <pc:sldMk cId="2070974135" sldId="533"/>
            <ac:spMk id="3" creationId="{EA4CCBC4-713E-E477-61CC-98CAD928A914}"/>
          </ac:spMkLst>
        </pc:spChg>
        <pc:graphicFrameChg chg="add del mod modGraphic">
          <ac:chgData name="Matias Vázquez Piñón" userId="2f86a967-3c9c-4a39-b538-7e6c0574d83d" providerId="ADAL" clId="{B0EC83BE-3AC5-42EC-8408-8B0ACB640EA4}" dt="2022-07-27T20:08:28.193" v="7321" actId="21"/>
          <ac:graphicFrameMkLst>
            <pc:docMk/>
            <pc:sldMk cId="2070974135" sldId="533"/>
            <ac:graphicFrameMk id="5" creationId="{489A429D-883F-123F-D5DC-17AD169A778A}"/>
          </ac:graphicFrameMkLst>
        </pc:graphicFrameChg>
        <pc:graphicFrameChg chg="add mod">
          <ac:chgData name="Matias Vázquez Piñón" userId="2f86a967-3c9c-4a39-b538-7e6c0574d83d" providerId="ADAL" clId="{B0EC83BE-3AC5-42EC-8408-8B0ACB640EA4}" dt="2022-08-07T18:31:39.562" v="13482" actId="12100"/>
          <ac:graphicFrameMkLst>
            <pc:docMk/>
            <pc:sldMk cId="2070974135" sldId="533"/>
            <ac:graphicFrameMk id="6" creationId="{0E8F661B-4334-D9D0-8DED-B8F5A9D6C9C6}"/>
          </ac:graphicFrameMkLst>
        </pc:graphicFrameChg>
      </pc:sldChg>
      <pc:sldChg chg="add del">
        <pc:chgData name="Matias Vázquez Piñón" userId="2f86a967-3c9c-4a39-b538-7e6c0574d83d" providerId="ADAL" clId="{B0EC83BE-3AC5-42EC-8408-8B0ACB640EA4}" dt="2022-07-17T16:09:11.505" v="5879"/>
        <pc:sldMkLst>
          <pc:docMk/>
          <pc:sldMk cId="3357286087" sldId="533"/>
        </pc:sldMkLst>
      </pc:sldChg>
      <pc:sldChg chg="add del">
        <pc:chgData name="Matias Vázquez Piñón" userId="2f86a967-3c9c-4a39-b538-7e6c0574d83d" providerId="ADAL" clId="{B0EC83BE-3AC5-42EC-8408-8B0ACB640EA4}" dt="2022-07-17T16:09:00.473" v="5875"/>
        <pc:sldMkLst>
          <pc:docMk/>
          <pc:sldMk cId="3919307252" sldId="533"/>
        </pc:sldMkLst>
      </pc:sldChg>
      <pc:sldChg chg="addSp delSp modSp mod">
        <pc:chgData name="Matias Vázquez Piñón" userId="2f86a967-3c9c-4a39-b538-7e6c0574d83d" providerId="ADAL" clId="{B0EC83BE-3AC5-42EC-8408-8B0ACB640EA4}" dt="2022-08-12T19:23:43.107" v="17916"/>
        <pc:sldMkLst>
          <pc:docMk/>
          <pc:sldMk cId="2814351320" sldId="534"/>
        </pc:sldMkLst>
        <pc:spChg chg="mod">
          <ac:chgData name="Matias Vázquez Piñón" userId="2f86a967-3c9c-4a39-b538-7e6c0574d83d" providerId="ADAL" clId="{B0EC83BE-3AC5-42EC-8408-8B0ACB640EA4}" dt="2022-07-27T21:14:35.918" v="8786" actId="20577"/>
          <ac:spMkLst>
            <pc:docMk/>
            <pc:sldMk cId="2814351320" sldId="534"/>
            <ac:spMk id="2" creationId="{95E60C2E-F588-1077-B62D-818543F1ABB5}"/>
          </ac:spMkLst>
        </pc:spChg>
        <pc:spChg chg="add">
          <ac:chgData name="Matias Vázquez Piñón" userId="2f86a967-3c9c-4a39-b538-7e6c0574d83d" providerId="ADAL" clId="{B0EC83BE-3AC5-42EC-8408-8B0ACB640EA4}" dt="2022-08-12T19:23:43.107" v="17916"/>
          <ac:spMkLst>
            <pc:docMk/>
            <pc:sldMk cId="2814351320" sldId="534"/>
            <ac:spMk id="4" creationId="{2DA89785-5FB9-5775-131F-285F82795FDB}"/>
          </ac:spMkLst>
        </pc:spChg>
        <pc:spChg chg="del">
          <ac:chgData name="Matias Vázquez Piñón" userId="2f86a967-3c9c-4a39-b538-7e6c0574d83d" providerId="ADAL" clId="{B0EC83BE-3AC5-42EC-8408-8B0ACB640EA4}" dt="2022-08-12T19:23:42.714" v="17915"/>
          <ac:spMkLst>
            <pc:docMk/>
            <pc:sldMk cId="2814351320" sldId="534"/>
            <ac:spMk id="5" creationId="{F4662E15-2782-0120-D98A-62AF3A8753B3}"/>
          </ac:spMkLst>
        </pc:spChg>
      </pc:sldChg>
      <pc:sldChg chg="modSp del mod">
        <pc:chgData name="Matias Vázquez Piñón" userId="2f86a967-3c9c-4a39-b538-7e6c0574d83d" providerId="ADAL" clId="{B0EC83BE-3AC5-42EC-8408-8B0ACB640EA4}" dt="2022-08-06T14:01:03.930" v="10494" actId="47"/>
        <pc:sldMkLst>
          <pc:docMk/>
          <pc:sldMk cId="640667919" sldId="535"/>
        </pc:sldMkLst>
        <pc:spChg chg="mod">
          <ac:chgData name="Matias Vázquez Piñón" userId="2f86a967-3c9c-4a39-b538-7e6c0574d83d" providerId="ADAL" clId="{B0EC83BE-3AC5-42EC-8408-8B0ACB640EA4}" dt="2022-07-27T20:18:34.886" v="7643" actId="20577"/>
          <ac:spMkLst>
            <pc:docMk/>
            <pc:sldMk cId="640667919" sldId="535"/>
            <ac:spMk id="2" creationId="{3FC1A7F9-634F-7D4C-0E1B-98F0180380F2}"/>
          </ac:spMkLst>
        </pc:spChg>
      </pc:sldChg>
      <pc:sldChg chg="addSp delSp modSp del mod">
        <pc:chgData name="Matias Vázquez Piñón" userId="2f86a967-3c9c-4a39-b538-7e6c0574d83d" providerId="ADAL" clId="{B0EC83BE-3AC5-42EC-8408-8B0ACB640EA4}" dt="2022-08-06T14:44:54.365" v="11173" actId="47"/>
        <pc:sldMkLst>
          <pc:docMk/>
          <pc:sldMk cId="2153488218" sldId="536"/>
        </pc:sldMkLst>
        <pc:spChg chg="add mod">
          <ac:chgData name="Matias Vázquez Piñón" userId="2f86a967-3c9c-4a39-b538-7e6c0574d83d" providerId="ADAL" clId="{B0EC83BE-3AC5-42EC-8408-8B0ACB640EA4}" dt="2022-08-06T14:36:35.345" v="11072" actId="21"/>
          <ac:spMkLst>
            <pc:docMk/>
            <pc:sldMk cId="2153488218" sldId="536"/>
            <ac:spMk id="3" creationId="{6469FECB-6A02-96FC-5F08-72331344801F}"/>
          </ac:spMkLst>
        </pc:spChg>
        <pc:spChg chg="mod">
          <ac:chgData name="Matias Vázquez Piñón" userId="2f86a967-3c9c-4a39-b538-7e6c0574d83d" providerId="ADAL" clId="{B0EC83BE-3AC5-42EC-8408-8B0ACB640EA4}" dt="2022-08-06T14:36:16.437" v="11070" actId="14100"/>
          <ac:spMkLst>
            <pc:docMk/>
            <pc:sldMk cId="2153488218" sldId="536"/>
            <ac:spMk id="15" creationId="{0D91AA37-D9B4-2074-F91A-F6EDCB5BFD2D}"/>
          </ac:spMkLst>
        </pc:spChg>
        <pc:spChg chg="mod">
          <ac:chgData name="Matias Vázquez Piñón" userId="2f86a967-3c9c-4a39-b538-7e6c0574d83d" providerId="ADAL" clId="{B0EC83BE-3AC5-42EC-8408-8B0ACB640EA4}" dt="2022-08-06T14:36:16.437" v="11070" actId="14100"/>
          <ac:spMkLst>
            <pc:docMk/>
            <pc:sldMk cId="2153488218" sldId="536"/>
            <ac:spMk id="16" creationId="{5B63E44A-0EBF-64B1-0DF0-3B64A9FCB2D2}"/>
          </ac:spMkLst>
        </pc:spChg>
        <pc:spChg chg="mod">
          <ac:chgData name="Matias Vázquez Piñón" userId="2f86a967-3c9c-4a39-b538-7e6c0574d83d" providerId="ADAL" clId="{B0EC83BE-3AC5-42EC-8408-8B0ACB640EA4}" dt="2022-08-06T14:36:16.437" v="11070" actId="14100"/>
          <ac:spMkLst>
            <pc:docMk/>
            <pc:sldMk cId="2153488218" sldId="536"/>
            <ac:spMk id="17" creationId="{87F28186-F672-9D29-C435-30D4CA12E20C}"/>
          </ac:spMkLst>
        </pc:spChg>
        <pc:spChg chg="mod">
          <ac:chgData name="Matias Vázquez Piñón" userId="2f86a967-3c9c-4a39-b538-7e6c0574d83d" providerId="ADAL" clId="{B0EC83BE-3AC5-42EC-8408-8B0ACB640EA4}" dt="2022-08-06T14:36:16.437" v="11070" actId="14100"/>
          <ac:spMkLst>
            <pc:docMk/>
            <pc:sldMk cId="2153488218" sldId="536"/>
            <ac:spMk id="18" creationId="{6F234AEA-808B-887B-99FB-F8F39058672C}"/>
          </ac:spMkLst>
        </pc:spChg>
        <pc:spChg chg="mod">
          <ac:chgData name="Matias Vázquez Piñón" userId="2f86a967-3c9c-4a39-b538-7e6c0574d83d" providerId="ADAL" clId="{B0EC83BE-3AC5-42EC-8408-8B0ACB640EA4}" dt="2022-08-06T14:36:16.437" v="11070" actId="14100"/>
          <ac:spMkLst>
            <pc:docMk/>
            <pc:sldMk cId="2153488218" sldId="536"/>
            <ac:spMk id="19" creationId="{5AF256FB-0E92-D2A1-F8BC-402245104B37}"/>
          </ac:spMkLst>
        </pc:spChg>
        <pc:spChg chg="mod">
          <ac:chgData name="Matias Vázquez Piñón" userId="2f86a967-3c9c-4a39-b538-7e6c0574d83d" providerId="ADAL" clId="{B0EC83BE-3AC5-42EC-8408-8B0ACB640EA4}" dt="2022-08-06T14:36:16.437" v="11070" actId="14100"/>
          <ac:spMkLst>
            <pc:docMk/>
            <pc:sldMk cId="2153488218" sldId="536"/>
            <ac:spMk id="20" creationId="{16E32780-CD66-CC24-1D78-02F1B790E30B}"/>
          </ac:spMkLst>
        </pc:spChg>
        <pc:spChg chg="mod">
          <ac:chgData name="Matias Vázquez Piñón" userId="2f86a967-3c9c-4a39-b538-7e6c0574d83d" providerId="ADAL" clId="{B0EC83BE-3AC5-42EC-8408-8B0ACB640EA4}" dt="2022-08-06T14:36:16.437" v="11070" actId="14100"/>
          <ac:spMkLst>
            <pc:docMk/>
            <pc:sldMk cId="2153488218" sldId="536"/>
            <ac:spMk id="21" creationId="{810BCD92-FD62-FD03-F4A7-8944A9B0A9DA}"/>
          </ac:spMkLst>
        </pc:spChg>
        <pc:spChg chg="mod">
          <ac:chgData name="Matias Vázquez Piñón" userId="2f86a967-3c9c-4a39-b538-7e6c0574d83d" providerId="ADAL" clId="{B0EC83BE-3AC5-42EC-8408-8B0ACB640EA4}" dt="2022-08-06T14:36:16.437" v="11070" actId="14100"/>
          <ac:spMkLst>
            <pc:docMk/>
            <pc:sldMk cId="2153488218" sldId="536"/>
            <ac:spMk id="22" creationId="{099A715C-3E57-F7BE-24C4-791B879A31B7}"/>
          </ac:spMkLst>
        </pc:spChg>
        <pc:spChg chg="mod">
          <ac:chgData name="Matias Vázquez Piñón" userId="2f86a967-3c9c-4a39-b538-7e6c0574d83d" providerId="ADAL" clId="{B0EC83BE-3AC5-42EC-8408-8B0ACB640EA4}" dt="2022-08-06T14:36:16.437" v="11070" actId="14100"/>
          <ac:spMkLst>
            <pc:docMk/>
            <pc:sldMk cId="2153488218" sldId="536"/>
            <ac:spMk id="23" creationId="{763A70EE-2936-7406-5588-C57B457AF01B}"/>
          </ac:spMkLst>
        </pc:spChg>
        <pc:spChg chg="mod">
          <ac:chgData name="Matias Vázquez Piñón" userId="2f86a967-3c9c-4a39-b538-7e6c0574d83d" providerId="ADAL" clId="{B0EC83BE-3AC5-42EC-8408-8B0ACB640EA4}" dt="2022-08-06T14:36:16.437" v="11070" actId="14100"/>
          <ac:spMkLst>
            <pc:docMk/>
            <pc:sldMk cId="2153488218" sldId="536"/>
            <ac:spMk id="24" creationId="{242323FD-B123-6656-2BA1-D07B8CDCF16A}"/>
          </ac:spMkLst>
        </pc:spChg>
        <pc:spChg chg="mod">
          <ac:chgData name="Matias Vázquez Piñón" userId="2f86a967-3c9c-4a39-b538-7e6c0574d83d" providerId="ADAL" clId="{B0EC83BE-3AC5-42EC-8408-8B0ACB640EA4}" dt="2022-08-06T14:36:16.437" v="11070" actId="14100"/>
          <ac:spMkLst>
            <pc:docMk/>
            <pc:sldMk cId="2153488218" sldId="536"/>
            <ac:spMk id="25" creationId="{2029AE5C-874B-A74B-EC3C-4ED0DF18FE0B}"/>
          </ac:spMkLst>
        </pc:spChg>
        <pc:spChg chg="add del mod">
          <ac:chgData name="Matias Vázquez Piñón" userId="2f86a967-3c9c-4a39-b538-7e6c0574d83d" providerId="ADAL" clId="{B0EC83BE-3AC5-42EC-8408-8B0ACB640EA4}" dt="2022-08-06T14:44:27.670" v="11172"/>
          <ac:spMkLst>
            <pc:docMk/>
            <pc:sldMk cId="2153488218" sldId="536"/>
            <ac:spMk id="29" creationId="{D31514CD-BEBC-1E7F-754F-3B43D36650CA}"/>
          </ac:spMkLst>
        </pc:spChg>
        <pc:spChg chg="add del mod">
          <ac:chgData name="Matias Vázquez Piñón" userId="2f86a967-3c9c-4a39-b538-7e6c0574d83d" providerId="ADAL" clId="{B0EC83BE-3AC5-42EC-8408-8B0ACB640EA4}" dt="2022-08-06T14:44:27.670" v="11172"/>
          <ac:spMkLst>
            <pc:docMk/>
            <pc:sldMk cId="2153488218" sldId="536"/>
            <ac:spMk id="30" creationId="{67EBEEB1-9BB6-5CF6-7D34-D1C9FB525C93}"/>
          </ac:spMkLst>
        </pc:spChg>
        <pc:spChg chg="add del mod">
          <ac:chgData name="Matias Vázquez Piñón" userId="2f86a967-3c9c-4a39-b538-7e6c0574d83d" providerId="ADAL" clId="{B0EC83BE-3AC5-42EC-8408-8B0ACB640EA4}" dt="2022-08-06T14:44:27.670" v="11172"/>
          <ac:spMkLst>
            <pc:docMk/>
            <pc:sldMk cId="2153488218" sldId="536"/>
            <ac:spMk id="31" creationId="{B2B640C2-8D2F-8308-9884-73CAE5A06A53}"/>
          </ac:spMkLst>
        </pc:spChg>
        <pc:spChg chg="add del mod">
          <ac:chgData name="Matias Vázquez Piñón" userId="2f86a967-3c9c-4a39-b538-7e6c0574d83d" providerId="ADAL" clId="{B0EC83BE-3AC5-42EC-8408-8B0ACB640EA4}" dt="2022-08-06T14:44:27.670" v="11172"/>
          <ac:spMkLst>
            <pc:docMk/>
            <pc:sldMk cId="2153488218" sldId="536"/>
            <ac:spMk id="32" creationId="{C5F8FEFA-0A9B-4EB1-F467-18CBAC5BA0BA}"/>
          </ac:spMkLst>
        </pc:spChg>
        <pc:spChg chg="add del mod">
          <ac:chgData name="Matias Vázquez Piñón" userId="2f86a967-3c9c-4a39-b538-7e6c0574d83d" providerId="ADAL" clId="{B0EC83BE-3AC5-42EC-8408-8B0ACB640EA4}" dt="2022-08-06T14:44:27.670" v="11172"/>
          <ac:spMkLst>
            <pc:docMk/>
            <pc:sldMk cId="2153488218" sldId="536"/>
            <ac:spMk id="33" creationId="{2D82213A-4CA5-0169-4954-3BEDF1866B01}"/>
          </ac:spMkLst>
        </pc:spChg>
        <pc:spChg chg="add del mod">
          <ac:chgData name="Matias Vázquez Piñón" userId="2f86a967-3c9c-4a39-b538-7e6c0574d83d" providerId="ADAL" clId="{B0EC83BE-3AC5-42EC-8408-8B0ACB640EA4}" dt="2022-08-06T14:44:27.670" v="11172"/>
          <ac:spMkLst>
            <pc:docMk/>
            <pc:sldMk cId="2153488218" sldId="536"/>
            <ac:spMk id="34" creationId="{DAAB2F25-6857-FAA6-20D2-609E6FEB8280}"/>
          </ac:spMkLst>
        </pc:spChg>
        <pc:spChg chg="add del mod">
          <ac:chgData name="Matias Vázquez Piñón" userId="2f86a967-3c9c-4a39-b538-7e6c0574d83d" providerId="ADAL" clId="{B0EC83BE-3AC5-42EC-8408-8B0ACB640EA4}" dt="2022-08-06T14:44:27.670" v="11172"/>
          <ac:spMkLst>
            <pc:docMk/>
            <pc:sldMk cId="2153488218" sldId="536"/>
            <ac:spMk id="35" creationId="{26AA623A-8222-01FE-4371-B32251F3FDE5}"/>
          </ac:spMkLst>
        </pc:spChg>
        <pc:spChg chg="add del mod">
          <ac:chgData name="Matias Vázquez Piñón" userId="2f86a967-3c9c-4a39-b538-7e6c0574d83d" providerId="ADAL" clId="{B0EC83BE-3AC5-42EC-8408-8B0ACB640EA4}" dt="2022-08-06T14:44:27.670" v="11172"/>
          <ac:spMkLst>
            <pc:docMk/>
            <pc:sldMk cId="2153488218" sldId="536"/>
            <ac:spMk id="36" creationId="{86CACEBB-903C-CAC5-FA75-13A776CFA2B3}"/>
          </ac:spMkLst>
        </pc:spChg>
        <pc:spChg chg="add del mod">
          <ac:chgData name="Matias Vázquez Piñón" userId="2f86a967-3c9c-4a39-b538-7e6c0574d83d" providerId="ADAL" clId="{B0EC83BE-3AC5-42EC-8408-8B0ACB640EA4}" dt="2022-08-06T14:44:27.670" v="11172"/>
          <ac:spMkLst>
            <pc:docMk/>
            <pc:sldMk cId="2153488218" sldId="536"/>
            <ac:spMk id="37" creationId="{967DFB24-52EF-54FA-EA39-1A8A9DFC2BD6}"/>
          </ac:spMkLst>
        </pc:spChg>
        <pc:spChg chg="add del mod">
          <ac:chgData name="Matias Vázquez Piñón" userId="2f86a967-3c9c-4a39-b538-7e6c0574d83d" providerId="ADAL" clId="{B0EC83BE-3AC5-42EC-8408-8B0ACB640EA4}" dt="2022-08-06T14:44:27.670" v="11172"/>
          <ac:spMkLst>
            <pc:docMk/>
            <pc:sldMk cId="2153488218" sldId="536"/>
            <ac:spMk id="38" creationId="{EA7CF8AB-D83B-7BD2-5C60-550ECBCA7CDF}"/>
          </ac:spMkLst>
        </pc:spChg>
        <pc:spChg chg="add del mod">
          <ac:chgData name="Matias Vázquez Piñón" userId="2f86a967-3c9c-4a39-b538-7e6c0574d83d" providerId="ADAL" clId="{B0EC83BE-3AC5-42EC-8408-8B0ACB640EA4}" dt="2022-08-06T14:44:27.670" v="11172"/>
          <ac:spMkLst>
            <pc:docMk/>
            <pc:sldMk cId="2153488218" sldId="536"/>
            <ac:spMk id="39" creationId="{60EC0FE7-1E95-F5E2-CCA2-BDC153F5210A}"/>
          </ac:spMkLst>
        </pc:spChg>
        <pc:spChg chg="mod">
          <ac:chgData name="Matias Vázquez Piñón" userId="2f86a967-3c9c-4a39-b538-7e6c0574d83d" providerId="ADAL" clId="{B0EC83BE-3AC5-42EC-8408-8B0ACB640EA4}" dt="2022-08-06T14:32:32.311" v="11034" actId="20577"/>
          <ac:spMkLst>
            <pc:docMk/>
            <pc:sldMk cId="2153488218" sldId="536"/>
            <ac:spMk id="1038" creationId="{4FDAE89D-CEAF-2858-6F05-DF3F0AFBBC9E}"/>
          </ac:spMkLst>
        </pc:spChg>
        <pc:picChg chg="add mod">
          <ac:chgData name="Matias Vázquez Piñón" userId="2f86a967-3c9c-4a39-b538-7e6c0574d83d" providerId="ADAL" clId="{B0EC83BE-3AC5-42EC-8408-8B0ACB640EA4}" dt="2022-08-06T14:34:54.897" v="11062" actId="1036"/>
          <ac:picMkLst>
            <pc:docMk/>
            <pc:sldMk cId="2153488218" sldId="536"/>
            <ac:picMk id="2" creationId="{4912BE8F-A7A3-7CC8-99AC-CD8AF427BC52}"/>
          </ac:picMkLst>
        </pc:picChg>
        <pc:picChg chg="add del mod">
          <ac:chgData name="Matias Vázquez Piñón" userId="2f86a967-3c9c-4a39-b538-7e6c0574d83d" providerId="ADAL" clId="{B0EC83BE-3AC5-42EC-8408-8B0ACB640EA4}" dt="2022-08-06T14:34:13.336" v="11053" actId="21"/>
          <ac:picMkLst>
            <pc:docMk/>
            <pc:sldMk cId="2153488218" sldId="536"/>
            <ac:picMk id="26" creationId="{0511253E-922A-713C-BABC-92FC0386A059}"/>
          </ac:picMkLst>
        </pc:picChg>
        <pc:picChg chg="add del mod">
          <ac:chgData name="Matias Vázquez Piñón" userId="2f86a967-3c9c-4a39-b538-7e6c0574d83d" providerId="ADAL" clId="{B0EC83BE-3AC5-42EC-8408-8B0ACB640EA4}" dt="2022-08-06T14:34:13.336" v="11053" actId="21"/>
          <ac:picMkLst>
            <pc:docMk/>
            <pc:sldMk cId="2153488218" sldId="536"/>
            <ac:picMk id="27" creationId="{945D1AD6-60BC-8EB6-2995-57A6F14A84D1}"/>
          </ac:picMkLst>
        </pc:picChg>
        <pc:picChg chg="add del mod">
          <ac:chgData name="Matias Vázquez Piñón" userId="2f86a967-3c9c-4a39-b538-7e6c0574d83d" providerId="ADAL" clId="{B0EC83BE-3AC5-42EC-8408-8B0ACB640EA4}" dt="2022-08-06T14:36:35.345" v="11072" actId="21"/>
          <ac:picMkLst>
            <pc:docMk/>
            <pc:sldMk cId="2153488218" sldId="536"/>
            <ac:picMk id="28" creationId="{69FF8AA6-BFBC-0CAD-2DBB-9EDC5D05CDD0}"/>
          </ac:picMkLst>
        </pc:picChg>
        <pc:picChg chg="del">
          <ac:chgData name="Matias Vázquez Piñón" userId="2f86a967-3c9c-4a39-b538-7e6c0574d83d" providerId="ADAL" clId="{B0EC83BE-3AC5-42EC-8408-8B0ACB640EA4}" dt="2022-08-06T14:32:47.775" v="11035" actId="21"/>
          <ac:picMkLst>
            <pc:docMk/>
            <pc:sldMk cId="2153488218" sldId="536"/>
            <ac:picMk id="1026" creationId="{606DC818-EBF7-D2DF-8D1D-D7EC640CBDA0}"/>
          </ac:picMkLst>
        </pc:picChg>
        <pc:picChg chg="del">
          <ac:chgData name="Matias Vázquez Piñón" userId="2f86a967-3c9c-4a39-b538-7e6c0574d83d" providerId="ADAL" clId="{B0EC83BE-3AC5-42EC-8408-8B0ACB640EA4}" dt="2022-08-06T14:32:47.775" v="11035" actId="21"/>
          <ac:picMkLst>
            <pc:docMk/>
            <pc:sldMk cId="2153488218" sldId="536"/>
            <ac:picMk id="1028" creationId="{79952F8E-2D84-C318-D608-B3CBD48829AA}"/>
          </ac:picMkLst>
        </pc:picChg>
      </pc:sldChg>
      <pc:sldChg chg="del">
        <pc:chgData name="Matias Vázquez Piñón" userId="2f86a967-3c9c-4a39-b538-7e6c0574d83d" providerId="ADAL" clId="{B0EC83BE-3AC5-42EC-8408-8B0ACB640EA4}" dt="2022-08-06T14:32:16.644" v="10989" actId="47"/>
        <pc:sldMkLst>
          <pc:docMk/>
          <pc:sldMk cId="754866789" sldId="537"/>
        </pc:sldMkLst>
      </pc:sldChg>
      <pc:sldChg chg="addSp delSp modSp mod ord modAnim">
        <pc:chgData name="Matias Vázquez Piñón" userId="2f86a967-3c9c-4a39-b538-7e6c0574d83d" providerId="ADAL" clId="{B0EC83BE-3AC5-42EC-8408-8B0ACB640EA4}" dt="2022-08-06T22:30:11.599" v="11964" actId="465"/>
        <pc:sldMkLst>
          <pc:docMk/>
          <pc:sldMk cId="4226218155" sldId="538"/>
        </pc:sldMkLst>
        <pc:spChg chg="add del mod">
          <ac:chgData name="Matias Vázquez Piñón" userId="2f86a967-3c9c-4a39-b538-7e6c0574d83d" providerId="ADAL" clId="{B0EC83BE-3AC5-42EC-8408-8B0ACB640EA4}" dt="2022-08-06T14:36:39.426" v="11074"/>
          <ac:spMkLst>
            <pc:docMk/>
            <pc:sldMk cId="4226218155" sldId="538"/>
            <ac:spMk id="2" creationId="{126DA058-3B32-07A2-C9F9-0C27D68599AD}"/>
          </ac:spMkLst>
        </pc:spChg>
        <pc:spChg chg="add del mod">
          <ac:chgData name="Matias Vázquez Piñón" userId="2f86a967-3c9c-4a39-b538-7e6c0574d83d" providerId="ADAL" clId="{B0EC83BE-3AC5-42EC-8408-8B0ACB640EA4}" dt="2022-08-06T14:53:57.387" v="11213" actId="478"/>
          <ac:spMkLst>
            <pc:docMk/>
            <pc:sldMk cId="4226218155" sldId="538"/>
            <ac:spMk id="3" creationId="{8090AD34-E489-EFCB-1065-61BAE5727095}"/>
          </ac:spMkLst>
        </pc:spChg>
        <pc:spChg chg="mod">
          <ac:chgData name="Matias Vázquez Piñón" userId="2f86a967-3c9c-4a39-b538-7e6c0574d83d" providerId="ADAL" clId="{B0EC83BE-3AC5-42EC-8408-8B0ACB640EA4}" dt="2022-08-06T14:42:14.891" v="11099"/>
          <ac:spMkLst>
            <pc:docMk/>
            <pc:sldMk cId="4226218155" sldId="538"/>
            <ac:spMk id="6" creationId="{F92C651B-B548-3630-9D86-93EE251C038D}"/>
          </ac:spMkLst>
        </pc:spChg>
        <pc:spChg chg="add mod">
          <ac:chgData name="Matias Vázquez Piñón" userId="2f86a967-3c9c-4a39-b538-7e6c0574d83d" providerId="ADAL" clId="{B0EC83BE-3AC5-42EC-8408-8B0ACB640EA4}" dt="2022-08-06T17:39:41.481" v="11641" actId="1076"/>
          <ac:spMkLst>
            <pc:docMk/>
            <pc:sldMk cId="4226218155" sldId="538"/>
            <ac:spMk id="10" creationId="{74E0161B-67D9-A1EC-F8B9-28EDA6E44D87}"/>
          </ac:spMkLst>
        </pc:spChg>
        <pc:spChg chg="add mod">
          <ac:chgData name="Matias Vázquez Piñón" userId="2f86a967-3c9c-4a39-b538-7e6c0574d83d" providerId="ADAL" clId="{B0EC83BE-3AC5-42EC-8408-8B0ACB640EA4}" dt="2022-08-06T22:30:11.599" v="11964" actId="465"/>
          <ac:spMkLst>
            <pc:docMk/>
            <pc:sldMk cId="4226218155" sldId="538"/>
            <ac:spMk id="11" creationId="{EC70F16B-D98A-87F6-B8A6-6CB6B03A9EE9}"/>
          </ac:spMkLst>
        </pc:spChg>
        <pc:spChg chg="add mod">
          <ac:chgData name="Matias Vázquez Piñón" userId="2f86a967-3c9c-4a39-b538-7e6c0574d83d" providerId="ADAL" clId="{B0EC83BE-3AC5-42EC-8408-8B0ACB640EA4}" dt="2022-08-06T22:30:11.599" v="11964" actId="465"/>
          <ac:spMkLst>
            <pc:docMk/>
            <pc:sldMk cId="4226218155" sldId="538"/>
            <ac:spMk id="12" creationId="{88447F3D-4768-829B-D282-2AF34023F4C0}"/>
          </ac:spMkLst>
        </pc:spChg>
        <pc:spChg chg="add mod">
          <ac:chgData name="Matias Vázquez Piñón" userId="2f86a967-3c9c-4a39-b538-7e6c0574d83d" providerId="ADAL" clId="{B0EC83BE-3AC5-42EC-8408-8B0ACB640EA4}" dt="2022-08-06T22:30:11.599" v="11964" actId="465"/>
          <ac:spMkLst>
            <pc:docMk/>
            <pc:sldMk cId="4226218155" sldId="538"/>
            <ac:spMk id="13" creationId="{D614186C-7ADE-51A5-F175-434295583B75}"/>
          </ac:spMkLst>
        </pc:spChg>
        <pc:spChg chg="add mod">
          <ac:chgData name="Matias Vázquez Piñón" userId="2f86a967-3c9c-4a39-b538-7e6c0574d83d" providerId="ADAL" clId="{B0EC83BE-3AC5-42EC-8408-8B0ACB640EA4}" dt="2022-08-06T22:30:11.599" v="11964" actId="465"/>
          <ac:spMkLst>
            <pc:docMk/>
            <pc:sldMk cId="4226218155" sldId="538"/>
            <ac:spMk id="14" creationId="{E11F1C11-3592-1619-83E2-BE3C195EEDDC}"/>
          </ac:spMkLst>
        </pc:spChg>
        <pc:spChg chg="add mod">
          <ac:chgData name="Matias Vázquez Piñón" userId="2f86a967-3c9c-4a39-b538-7e6c0574d83d" providerId="ADAL" clId="{B0EC83BE-3AC5-42EC-8408-8B0ACB640EA4}" dt="2022-08-06T22:30:11.599" v="11964" actId="465"/>
          <ac:spMkLst>
            <pc:docMk/>
            <pc:sldMk cId="4226218155" sldId="538"/>
            <ac:spMk id="15" creationId="{CCB380FD-0F75-FC81-52A7-623448DAFF98}"/>
          </ac:spMkLst>
        </pc:spChg>
        <pc:spChg chg="add mod">
          <ac:chgData name="Matias Vázquez Piñón" userId="2f86a967-3c9c-4a39-b538-7e6c0574d83d" providerId="ADAL" clId="{B0EC83BE-3AC5-42EC-8408-8B0ACB640EA4}" dt="2022-08-06T22:30:11.599" v="11964" actId="465"/>
          <ac:spMkLst>
            <pc:docMk/>
            <pc:sldMk cId="4226218155" sldId="538"/>
            <ac:spMk id="16" creationId="{B75EBA1D-0023-999E-3C31-7B5BBED9E6F5}"/>
          </ac:spMkLst>
        </pc:spChg>
        <pc:spChg chg="add mod">
          <ac:chgData name="Matias Vázquez Piñón" userId="2f86a967-3c9c-4a39-b538-7e6c0574d83d" providerId="ADAL" clId="{B0EC83BE-3AC5-42EC-8408-8B0ACB640EA4}" dt="2022-08-06T22:30:11.599" v="11964" actId="465"/>
          <ac:spMkLst>
            <pc:docMk/>
            <pc:sldMk cId="4226218155" sldId="538"/>
            <ac:spMk id="17" creationId="{F340D0BD-03F4-6EB7-FE33-C415390B5B0D}"/>
          </ac:spMkLst>
        </pc:spChg>
        <pc:spChg chg="add mod">
          <ac:chgData name="Matias Vázquez Piñón" userId="2f86a967-3c9c-4a39-b538-7e6c0574d83d" providerId="ADAL" clId="{B0EC83BE-3AC5-42EC-8408-8B0ACB640EA4}" dt="2022-08-06T22:30:11.599" v="11964" actId="465"/>
          <ac:spMkLst>
            <pc:docMk/>
            <pc:sldMk cId="4226218155" sldId="538"/>
            <ac:spMk id="18" creationId="{50B1F8DD-A969-8AF3-1E10-45BE7723ED9D}"/>
          </ac:spMkLst>
        </pc:spChg>
        <pc:spChg chg="add mod">
          <ac:chgData name="Matias Vázquez Piñón" userId="2f86a967-3c9c-4a39-b538-7e6c0574d83d" providerId="ADAL" clId="{B0EC83BE-3AC5-42EC-8408-8B0ACB640EA4}" dt="2022-08-06T22:30:11.599" v="11964" actId="465"/>
          <ac:spMkLst>
            <pc:docMk/>
            <pc:sldMk cId="4226218155" sldId="538"/>
            <ac:spMk id="19" creationId="{499D03EC-367A-7FA0-EF64-A0EF1F28A754}"/>
          </ac:spMkLst>
        </pc:spChg>
        <pc:spChg chg="add mod">
          <ac:chgData name="Matias Vázquez Piñón" userId="2f86a967-3c9c-4a39-b538-7e6c0574d83d" providerId="ADAL" clId="{B0EC83BE-3AC5-42EC-8408-8B0ACB640EA4}" dt="2022-08-06T14:59:42.965" v="11264" actId="13822"/>
          <ac:spMkLst>
            <pc:docMk/>
            <pc:sldMk cId="4226218155" sldId="538"/>
            <ac:spMk id="20" creationId="{19D3D237-7A9F-390B-8E7A-78140E94087C}"/>
          </ac:spMkLst>
        </pc:spChg>
        <pc:picChg chg="add mod">
          <ac:chgData name="Matias Vázquez Piñón" userId="2f86a967-3c9c-4a39-b538-7e6c0574d83d" providerId="ADAL" clId="{B0EC83BE-3AC5-42EC-8408-8B0ACB640EA4}" dt="2022-08-06T14:36:36.572" v="11073"/>
          <ac:picMkLst>
            <pc:docMk/>
            <pc:sldMk cId="4226218155" sldId="538"/>
            <ac:picMk id="7" creationId="{86B7E55C-1CAE-9D48-68BA-7D1381202A0B}"/>
          </ac:picMkLst>
        </pc:picChg>
        <pc:picChg chg="add mod">
          <ac:chgData name="Matias Vázquez Piñón" userId="2f86a967-3c9c-4a39-b538-7e6c0574d83d" providerId="ADAL" clId="{B0EC83BE-3AC5-42EC-8408-8B0ACB640EA4}" dt="2022-08-06T14:42:05.461" v="11098" actId="1076"/>
          <ac:picMkLst>
            <pc:docMk/>
            <pc:sldMk cId="4226218155" sldId="538"/>
            <ac:picMk id="8" creationId="{072218B6-FA5B-4543-1ED8-2491057740AF}"/>
          </ac:picMkLst>
        </pc:picChg>
        <pc:picChg chg="del">
          <ac:chgData name="Matias Vázquez Piñón" userId="2f86a967-3c9c-4a39-b538-7e6c0574d83d" providerId="ADAL" clId="{B0EC83BE-3AC5-42EC-8408-8B0ACB640EA4}" dt="2022-08-06T14:35:25.015" v="11064" actId="21"/>
          <ac:picMkLst>
            <pc:docMk/>
            <pc:sldMk cId="4226218155" sldId="538"/>
            <ac:picMk id="9" creationId="{603EEBD5-F9EF-3C76-AC8A-5421FFDEE179}"/>
          </ac:picMkLst>
        </pc:picChg>
        <pc:picChg chg="add del mod ord">
          <ac:chgData name="Matias Vázquez Piñón" userId="2f86a967-3c9c-4a39-b538-7e6c0574d83d" providerId="ADAL" clId="{B0EC83BE-3AC5-42EC-8408-8B0ACB640EA4}" dt="2022-08-06T14:43:24.262" v="11169" actId="478"/>
          <ac:picMkLst>
            <pc:docMk/>
            <pc:sldMk cId="4226218155" sldId="538"/>
            <ac:picMk id="21" creationId="{B9017706-5496-74CC-7664-BCDE1BB2289B}"/>
          </ac:picMkLst>
        </pc:picChg>
      </pc:sldChg>
      <pc:sldChg chg="modSp new del mod">
        <pc:chgData name="Matias Vázquez Piñón" userId="2f86a967-3c9c-4a39-b538-7e6c0574d83d" providerId="ADAL" clId="{B0EC83BE-3AC5-42EC-8408-8B0ACB640EA4}" dt="2022-07-27T20:10:57.845" v="7417" actId="47"/>
        <pc:sldMkLst>
          <pc:docMk/>
          <pc:sldMk cId="1875866864" sldId="539"/>
        </pc:sldMkLst>
        <pc:spChg chg="mod">
          <ac:chgData name="Matias Vázquez Piñón" userId="2f86a967-3c9c-4a39-b538-7e6c0574d83d" providerId="ADAL" clId="{B0EC83BE-3AC5-42EC-8408-8B0ACB640EA4}" dt="2022-07-27T20:06:40.911" v="7295"/>
          <ac:spMkLst>
            <pc:docMk/>
            <pc:sldMk cId="1875866864" sldId="539"/>
            <ac:spMk id="3" creationId="{9B62B6D5-EBBF-773D-89DB-390EBA9EED5B}"/>
          </ac:spMkLst>
        </pc:spChg>
      </pc:sldChg>
      <pc:sldChg chg="addSp delSp modSp new del mod">
        <pc:chgData name="Matias Vázquez Piñón" userId="2f86a967-3c9c-4a39-b538-7e6c0574d83d" providerId="ADAL" clId="{B0EC83BE-3AC5-42EC-8408-8B0ACB640EA4}" dt="2022-07-27T20:58:03.204" v="8316" actId="47"/>
        <pc:sldMkLst>
          <pc:docMk/>
          <pc:sldMk cId="4085896538" sldId="539"/>
        </pc:sldMkLst>
        <pc:spChg chg="del">
          <ac:chgData name="Matias Vázquez Piñón" userId="2f86a967-3c9c-4a39-b538-7e6c0574d83d" providerId="ADAL" clId="{B0EC83BE-3AC5-42EC-8408-8B0ACB640EA4}" dt="2022-07-27T20:39:47.428" v="8013" actId="1032"/>
          <ac:spMkLst>
            <pc:docMk/>
            <pc:sldMk cId="4085896538" sldId="539"/>
            <ac:spMk id="3" creationId="{489774F5-D6FC-7590-925F-9ECE3F90DF8C}"/>
          </ac:spMkLst>
        </pc:spChg>
        <pc:graphicFrameChg chg="add mod modGraphic">
          <ac:chgData name="Matias Vázquez Piñón" userId="2f86a967-3c9c-4a39-b538-7e6c0574d83d" providerId="ADAL" clId="{B0EC83BE-3AC5-42EC-8408-8B0ACB640EA4}" dt="2022-07-27T20:39:59.800" v="8014"/>
          <ac:graphicFrameMkLst>
            <pc:docMk/>
            <pc:sldMk cId="4085896538" sldId="539"/>
            <ac:graphicFrameMk id="5" creationId="{BE8B9ABE-EF8A-4713-AC43-0D4CD256D74C}"/>
          </ac:graphicFrameMkLst>
        </pc:graphicFrameChg>
      </pc:sldChg>
      <pc:sldChg chg="addSp delSp modSp new mod delAnim modAnim">
        <pc:chgData name="Matias Vázquez Piñón" userId="2f86a967-3c9c-4a39-b538-7e6c0574d83d" providerId="ADAL" clId="{B0EC83BE-3AC5-42EC-8408-8B0ACB640EA4}" dt="2022-08-12T19:23:43.107" v="17916"/>
        <pc:sldMkLst>
          <pc:docMk/>
          <pc:sldMk cId="2934031965" sldId="540"/>
        </pc:sldMkLst>
        <pc:spChg chg="mod">
          <ac:chgData name="Matias Vázquez Piñón" userId="2f86a967-3c9c-4a39-b538-7e6c0574d83d" providerId="ADAL" clId="{B0EC83BE-3AC5-42EC-8408-8B0ACB640EA4}" dt="2022-07-27T20:58:12.594" v="8324" actId="20577"/>
          <ac:spMkLst>
            <pc:docMk/>
            <pc:sldMk cId="2934031965" sldId="540"/>
            <ac:spMk id="2" creationId="{F9CF3D80-5F75-D803-E05E-8CDE57CA76BB}"/>
          </ac:spMkLst>
        </pc:spChg>
        <pc:spChg chg="del">
          <ac:chgData name="Matias Vázquez Piñón" userId="2f86a967-3c9c-4a39-b538-7e6c0574d83d" providerId="ADAL" clId="{B0EC83BE-3AC5-42EC-8408-8B0ACB640EA4}" dt="2022-08-12T19:23:43.107" v="17916"/>
          <ac:spMkLst>
            <pc:docMk/>
            <pc:sldMk cId="2934031965" sldId="540"/>
            <ac:spMk id="3" creationId="{89A2371C-3046-2E03-5D85-1180244DB198}"/>
          </ac:spMkLst>
        </pc:spChg>
        <pc:spChg chg="del">
          <ac:chgData name="Matias Vázquez Piñón" userId="2f86a967-3c9c-4a39-b538-7e6c0574d83d" providerId="ADAL" clId="{B0EC83BE-3AC5-42EC-8408-8B0ACB640EA4}" dt="2022-07-27T20:41:04.841" v="8016" actId="1032"/>
          <ac:spMkLst>
            <pc:docMk/>
            <pc:sldMk cId="2934031965" sldId="540"/>
            <ac:spMk id="3" creationId="{E7E5CAB7-8246-E19A-CA66-C229167D6EA5}"/>
          </ac:spMkLst>
        </pc:spChg>
        <pc:spChg chg="del">
          <ac:chgData name="Matias Vázquez Piñón" userId="2f86a967-3c9c-4a39-b538-7e6c0574d83d" providerId="ADAL" clId="{B0EC83BE-3AC5-42EC-8408-8B0ACB640EA4}" dt="2022-07-27T20:50:33.936" v="8229" actId="478"/>
          <ac:spMkLst>
            <pc:docMk/>
            <pc:sldMk cId="2934031965" sldId="540"/>
            <ac:spMk id="4" creationId="{2BF5EF03-A3F8-1A4A-A3BC-16F28D3F8B64}"/>
          </ac:spMkLst>
        </pc:spChg>
        <pc:spChg chg="del">
          <ac:chgData name="Matias Vázquez Piñón" userId="2f86a967-3c9c-4a39-b538-7e6c0574d83d" providerId="ADAL" clId="{B0EC83BE-3AC5-42EC-8408-8B0ACB640EA4}" dt="2022-08-12T19:23:43.107" v="17916"/>
          <ac:spMkLst>
            <pc:docMk/>
            <pc:sldMk cId="2934031965" sldId="540"/>
            <ac:spMk id="4" creationId="{E8367204-174C-627F-A4E4-076433625193}"/>
          </ac:spMkLst>
        </pc:spChg>
        <pc:spChg chg="add del mod">
          <ac:chgData name="Matias Vázquez Piñón" userId="2f86a967-3c9c-4a39-b538-7e6c0574d83d" providerId="ADAL" clId="{B0EC83BE-3AC5-42EC-8408-8B0ACB640EA4}" dt="2022-07-27T20:44:11.615" v="8090" actId="1032"/>
          <ac:spMkLst>
            <pc:docMk/>
            <pc:sldMk cId="2934031965" sldId="540"/>
            <ac:spMk id="9" creationId="{63F19203-DFEE-7689-8D9F-C0BBCB59C087}"/>
          </ac:spMkLst>
        </pc:spChg>
        <pc:spChg chg="add del mod">
          <ac:chgData name="Matias Vázquez Piñón" userId="2f86a967-3c9c-4a39-b538-7e6c0574d83d" providerId="ADAL" clId="{B0EC83BE-3AC5-42EC-8408-8B0ACB640EA4}" dt="2022-07-27T20:57:33.242" v="8289"/>
          <ac:spMkLst>
            <pc:docMk/>
            <pc:sldMk cId="2934031965" sldId="540"/>
            <ac:spMk id="15" creationId="{AF6096A0-2DCC-DA42-F1D2-5EF372F90D50}"/>
          </ac:spMkLst>
        </pc:spChg>
        <pc:graphicFrameChg chg="add del mod modGraphic">
          <ac:chgData name="Matias Vázquez Piñón" userId="2f86a967-3c9c-4a39-b538-7e6c0574d83d" providerId="ADAL" clId="{B0EC83BE-3AC5-42EC-8408-8B0ACB640EA4}" dt="2022-07-27T20:43:24.431" v="8088" actId="478"/>
          <ac:graphicFrameMkLst>
            <pc:docMk/>
            <pc:sldMk cId="2934031965" sldId="540"/>
            <ac:graphicFrameMk id="6" creationId="{D106DE41-403A-B42A-B86C-26A63E7A4FFF}"/>
          </ac:graphicFrameMkLst>
        </pc:graphicFrameChg>
        <pc:graphicFrameChg chg="add del modGraphic">
          <ac:chgData name="Matias Vázquez Piñón" userId="2f86a967-3c9c-4a39-b538-7e6c0574d83d" providerId="ADAL" clId="{B0EC83BE-3AC5-42EC-8408-8B0ACB640EA4}" dt="2022-07-27T20:43:27.975" v="8089" actId="478"/>
          <ac:graphicFrameMkLst>
            <pc:docMk/>
            <pc:sldMk cId="2934031965" sldId="540"/>
            <ac:graphicFrameMk id="7" creationId="{DC617FA4-3332-8C49-3961-49FE9D91DAA8}"/>
          </ac:graphicFrameMkLst>
        </pc:graphicFrameChg>
        <pc:graphicFrameChg chg="add del mod modGraphic">
          <ac:chgData name="Matias Vázquez Piñón" userId="2f86a967-3c9c-4a39-b538-7e6c0574d83d" providerId="ADAL" clId="{B0EC83BE-3AC5-42EC-8408-8B0ACB640EA4}" dt="2022-07-27T20:57:31.226" v="8288" actId="21"/>
          <ac:graphicFrameMkLst>
            <pc:docMk/>
            <pc:sldMk cId="2934031965" sldId="540"/>
            <ac:graphicFrameMk id="10" creationId="{3C742254-A36C-D2DA-8784-5760BC6BAD73}"/>
          </ac:graphicFrameMkLst>
        </pc:graphicFrameChg>
        <pc:graphicFrameChg chg="add del modGraphic">
          <ac:chgData name="Matias Vázquez Piñón" userId="2f86a967-3c9c-4a39-b538-7e6c0574d83d" providerId="ADAL" clId="{B0EC83BE-3AC5-42EC-8408-8B0ACB640EA4}" dt="2022-07-27T20:50:48.563" v="8231" actId="1032"/>
          <ac:graphicFrameMkLst>
            <pc:docMk/>
            <pc:sldMk cId="2934031965" sldId="540"/>
            <ac:graphicFrameMk id="11" creationId="{B57CA28C-8861-37A9-79CC-164D0034CBE6}"/>
          </ac:graphicFrameMkLst>
        </pc:graphicFrameChg>
        <pc:graphicFrameChg chg="add mod">
          <ac:chgData name="Matias Vázquez Piñón" userId="2f86a967-3c9c-4a39-b538-7e6c0574d83d" providerId="ADAL" clId="{B0EC83BE-3AC5-42EC-8408-8B0ACB640EA4}" dt="2022-07-27T20:57:33.242" v="8289"/>
          <ac:graphicFrameMkLst>
            <pc:docMk/>
            <pc:sldMk cId="2934031965" sldId="540"/>
            <ac:graphicFrameMk id="16" creationId="{5BA8A0B3-AB12-A573-BE39-18E41ECF9F18}"/>
          </ac:graphicFrameMkLst>
        </pc:graphicFrameChg>
        <pc:picChg chg="add del mod modCrop">
          <ac:chgData name="Matias Vázquez Piñón" userId="2f86a967-3c9c-4a39-b538-7e6c0574d83d" providerId="ADAL" clId="{B0EC83BE-3AC5-42EC-8408-8B0ACB640EA4}" dt="2022-07-27T20:55:07.204" v="8254" actId="478"/>
          <ac:picMkLst>
            <pc:docMk/>
            <pc:sldMk cId="2934031965" sldId="540"/>
            <ac:picMk id="12" creationId="{33F96EDF-6F1C-D72B-7132-3F98F2399A4E}"/>
          </ac:picMkLst>
        </pc:picChg>
        <pc:picChg chg="add del mod">
          <ac:chgData name="Matias Vázquez Piñón" userId="2f86a967-3c9c-4a39-b538-7e6c0574d83d" providerId="ADAL" clId="{B0EC83BE-3AC5-42EC-8408-8B0ACB640EA4}" dt="2022-07-27T20:56:51.185" v="8266" actId="478"/>
          <ac:picMkLst>
            <pc:docMk/>
            <pc:sldMk cId="2934031965" sldId="540"/>
            <ac:picMk id="13" creationId="{451103FC-41C6-65F1-512E-1B91BE310277}"/>
          </ac:picMkLst>
        </pc:picChg>
      </pc:sldChg>
      <pc:sldChg chg="addSp delSp modSp new mod ord">
        <pc:chgData name="Matias Vázquez Piñón" userId="2f86a967-3c9c-4a39-b538-7e6c0574d83d" providerId="ADAL" clId="{B0EC83BE-3AC5-42EC-8408-8B0ACB640EA4}" dt="2022-07-27T21:17:56.042" v="8912"/>
        <pc:sldMkLst>
          <pc:docMk/>
          <pc:sldMk cId="4226045691" sldId="541"/>
        </pc:sldMkLst>
        <pc:spChg chg="mod">
          <ac:chgData name="Matias Vázquez Piñón" userId="2f86a967-3c9c-4a39-b538-7e6c0574d83d" providerId="ADAL" clId="{B0EC83BE-3AC5-42EC-8408-8B0ACB640EA4}" dt="2022-07-27T21:08:21.107" v="8652"/>
          <ac:spMkLst>
            <pc:docMk/>
            <pc:sldMk cId="4226045691" sldId="541"/>
            <ac:spMk id="2" creationId="{CCD79A13-316E-3078-7919-361861F6F2EF}"/>
          </ac:spMkLst>
        </pc:spChg>
        <pc:spChg chg="del">
          <ac:chgData name="Matias Vázquez Piñón" userId="2f86a967-3c9c-4a39-b538-7e6c0574d83d" providerId="ADAL" clId="{B0EC83BE-3AC5-42EC-8408-8B0ACB640EA4}" dt="2022-07-27T20:59:52.367" v="8332" actId="1032"/>
          <ac:spMkLst>
            <pc:docMk/>
            <pc:sldMk cId="4226045691" sldId="541"/>
            <ac:spMk id="3" creationId="{93EA1A3B-E7C4-0984-F087-962B2BFE45C3}"/>
          </ac:spMkLst>
        </pc:spChg>
        <pc:spChg chg="add mod ord">
          <ac:chgData name="Matias Vázquez Piñón" userId="2f86a967-3c9c-4a39-b538-7e6c0574d83d" providerId="ADAL" clId="{B0EC83BE-3AC5-42EC-8408-8B0ACB640EA4}" dt="2022-07-27T21:13:37.341" v="8740" actId="207"/>
          <ac:spMkLst>
            <pc:docMk/>
            <pc:sldMk cId="4226045691" sldId="541"/>
            <ac:spMk id="6" creationId="{D3EF00C6-1A14-FE28-3FF3-A89DB4D2DE0B}"/>
          </ac:spMkLst>
        </pc:spChg>
        <pc:spChg chg="add mod">
          <ac:chgData name="Matias Vázquez Piñón" userId="2f86a967-3c9c-4a39-b538-7e6c0574d83d" providerId="ADAL" clId="{B0EC83BE-3AC5-42EC-8408-8B0ACB640EA4}" dt="2022-07-27T21:12:22.653" v="8739" actId="404"/>
          <ac:spMkLst>
            <pc:docMk/>
            <pc:sldMk cId="4226045691" sldId="541"/>
            <ac:spMk id="7" creationId="{CC7C0AFD-7577-7687-B5CA-C619C5CA3DAA}"/>
          </ac:spMkLst>
        </pc:spChg>
        <pc:graphicFrameChg chg="add mod modGraphic">
          <ac:chgData name="Matias Vázquez Piñón" userId="2f86a967-3c9c-4a39-b538-7e6c0574d83d" providerId="ADAL" clId="{B0EC83BE-3AC5-42EC-8408-8B0ACB640EA4}" dt="2022-07-27T21:12:03.942" v="8737"/>
          <ac:graphicFrameMkLst>
            <pc:docMk/>
            <pc:sldMk cId="4226045691" sldId="541"/>
            <ac:graphicFrameMk id="5" creationId="{9E1F372B-7FBE-F013-CF4A-DC33DC1521A4}"/>
          </ac:graphicFrameMkLst>
        </pc:graphicFrameChg>
      </pc:sldChg>
      <pc:sldChg chg="addSp delSp modSp new mod">
        <pc:chgData name="Matias Vázquez Piñón" userId="2f86a967-3c9c-4a39-b538-7e6c0574d83d" providerId="ADAL" clId="{B0EC83BE-3AC5-42EC-8408-8B0ACB640EA4}" dt="2022-08-12T19:23:43.107" v="17916"/>
        <pc:sldMkLst>
          <pc:docMk/>
          <pc:sldMk cId="2603897230" sldId="542"/>
        </pc:sldMkLst>
        <pc:spChg chg="mod">
          <ac:chgData name="Matias Vázquez Piñón" userId="2f86a967-3c9c-4a39-b538-7e6c0574d83d" providerId="ADAL" clId="{B0EC83BE-3AC5-42EC-8408-8B0ACB640EA4}" dt="2022-07-27T21:15:18.498" v="8846" actId="20577"/>
          <ac:spMkLst>
            <pc:docMk/>
            <pc:sldMk cId="2603897230" sldId="542"/>
            <ac:spMk id="2" creationId="{9E07B519-1125-38F5-7592-0F7BCCC095B6}"/>
          </ac:spMkLst>
        </pc:spChg>
        <pc:spChg chg="mod">
          <ac:chgData name="Matias Vázquez Piñón" userId="2f86a967-3c9c-4a39-b538-7e6c0574d83d" providerId="ADAL" clId="{B0EC83BE-3AC5-42EC-8408-8B0ACB640EA4}" dt="2022-07-27T21:15:24.309" v="8868" actId="20577"/>
          <ac:spMkLst>
            <pc:docMk/>
            <pc:sldMk cId="2603897230" sldId="542"/>
            <ac:spMk id="3" creationId="{A943A5A9-31A3-7203-8F60-2E9C98FA617C}"/>
          </ac:spMkLst>
        </pc:spChg>
        <pc:spChg chg="add">
          <ac:chgData name="Matias Vázquez Piñón" userId="2f86a967-3c9c-4a39-b538-7e6c0574d83d" providerId="ADAL" clId="{B0EC83BE-3AC5-42EC-8408-8B0ACB640EA4}" dt="2022-08-12T19:23:43.107" v="17916"/>
          <ac:spMkLst>
            <pc:docMk/>
            <pc:sldMk cId="2603897230" sldId="542"/>
            <ac:spMk id="4" creationId="{64CADEAE-C9D7-2085-17C6-180CD6F8BF4B}"/>
          </ac:spMkLst>
        </pc:spChg>
        <pc:spChg chg="del">
          <ac:chgData name="Matias Vázquez Piñón" userId="2f86a967-3c9c-4a39-b538-7e6c0574d83d" providerId="ADAL" clId="{B0EC83BE-3AC5-42EC-8408-8B0ACB640EA4}" dt="2022-08-12T19:23:42.714" v="17915"/>
          <ac:spMkLst>
            <pc:docMk/>
            <pc:sldMk cId="2603897230" sldId="542"/>
            <ac:spMk id="5" creationId="{4A6EB421-4C05-B0F3-D9DD-32575882440E}"/>
          </ac:spMkLst>
        </pc:spChg>
      </pc:sldChg>
      <pc:sldChg chg="addSp delSp modSp new mod">
        <pc:chgData name="Matias Vázquez Piñón" userId="2f86a967-3c9c-4a39-b538-7e6c0574d83d" providerId="ADAL" clId="{B0EC83BE-3AC5-42EC-8408-8B0ACB640EA4}" dt="2022-08-12T19:23:43.107" v="17916"/>
        <pc:sldMkLst>
          <pc:docMk/>
          <pc:sldMk cId="3236100795" sldId="543"/>
        </pc:sldMkLst>
        <pc:spChg chg="mod">
          <ac:chgData name="Matias Vázquez Piñón" userId="2f86a967-3c9c-4a39-b538-7e6c0574d83d" providerId="ADAL" clId="{B0EC83BE-3AC5-42EC-8408-8B0ACB640EA4}" dt="2022-07-27T21:16:21.339" v="8893" actId="20577"/>
          <ac:spMkLst>
            <pc:docMk/>
            <pc:sldMk cId="3236100795" sldId="543"/>
            <ac:spMk id="2" creationId="{C5B609E0-625B-D3F5-AE12-EBA9BE57E929}"/>
          </ac:spMkLst>
        </pc:spChg>
        <pc:spChg chg="mod">
          <ac:chgData name="Matias Vázquez Piñón" userId="2f86a967-3c9c-4a39-b538-7e6c0574d83d" providerId="ADAL" clId="{B0EC83BE-3AC5-42EC-8408-8B0ACB640EA4}" dt="2022-07-27T21:16:25.602" v="8899" actId="20577"/>
          <ac:spMkLst>
            <pc:docMk/>
            <pc:sldMk cId="3236100795" sldId="543"/>
            <ac:spMk id="3" creationId="{EA4B14AF-858E-5401-456B-35B1AEC08422}"/>
          </ac:spMkLst>
        </pc:spChg>
        <pc:spChg chg="add">
          <ac:chgData name="Matias Vázquez Piñón" userId="2f86a967-3c9c-4a39-b538-7e6c0574d83d" providerId="ADAL" clId="{B0EC83BE-3AC5-42EC-8408-8B0ACB640EA4}" dt="2022-08-12T19:23:43.107" v="17916"/>
          <ac:spMkLst>
            <pc:docMk/>
            <pc:sldMk cId="3236100795" sldId="543"/>
            <ac:spMk id="4" creationId="{A9F8A0FE-1F15-E543-C1DD-CB07DE332E22}"/>
          </ac:spMkLst>
        </pc:spChg>
        <pc:spChg chg="del">
          <ac:chgData name="Matias Vázquez Piñón" userId="2f86a967-3c9c-4a39-b538-7e6c0574d83d" providerId="ADAL" clId="{B0EC83BE-3AC5-42EC-8408-8B0ACB640EA4}" dt="2022-08-12T19:23:42.714" v="17915"/>
          <ac:spMkLst>
            <pc:docMk/>
            <pc:sldMk cId="3236100795" sldId="543"/>
            <ac:spMk id="5" creationId="{9287ED62-5339-942F-0226-F53DD3D47798}"/>
          </ac:spMkLst>
        </pc:spChg>
      </pc:sldChg>
      <pc:sldChg chg="addSp delSp modSp new mod ord">
        <pc:chgData name="Matias Vázquez Piñón" userId="2f86a967-3c9c-4a39-b538-7e6c0574d83d" providerId="ADAL" clId="{B0EC83BE-3AC5-42EC-8408-8B0ACB640EA4}" dt="2022-08-12T19:23:43.107" v="17916"/>
        <pc:sldMkLst>
          <pc:docMk/>
          <pc:sldMk cId="2918963186" sldId="544"/>
        </pc:sldMkLst>
        <pc:spChg chg="mod">
          <ac:chgData name="Matias Vázquez Piñón" userId="2f86a967-3c9c-4a39-b538-7e6c0574d83d" providerId="ADAL" clId="{B0EC83BE-3AC5-42EC-8408-8B0ACB640EA4}" dt="2022-08-10T16:49:49.690" v="15375" actId="20577"/>
          <ac:spMkLst>
            <pc:docMk/>
            <pc:sldMk cId="2918963186" sldId="544"/>
            <ac:spMk id="2" creationId="{0BF9A323-8281-8FB0-4239-E4EA504CF76B}"/>
          </ac:spMkLst>
        </pc:spChg>
        <pc:spChg chg="mod">
          <ac:chgData name="Matias Vázquez Piñón" userId="2f86a967-3c9c-4a39-b538-7e6c0574d83d" providerId="ADAL" clId="{B0EC83BE-3AC5-42EC-8408-8B0ACB640EA4}" dt="2022-07-27T21:18:10.370" v="8947" actId="20577"/>
          <ac:spMkLst>
            <pc:docMk/>
            <pc:sldMk cId="2918963186" sldId="544"/>
            <ac:spMk id="3" creationId="{73042BED-98C5-70EA-875F-0834AE95EF84}"/>
          </ac:spMkLst>
        </pc:spChg>
        <pc:spChg chg="add">
          <ac:chgData name="Matias Vázquez Piñón" userId="2f86a967-3c9c-4a39-b538-7e6c0574d83d" providerId="ADAL" clId="{B0EC83BE-3AC5-42EC-8408-8B0ACB640EA4}" dt="2022-08-12T19:23:43.107" v="17916"/>
          <ac:spMkLst>
            <pc:docMk/>
            <pc:sldMk cId="2918963186" sldId="544"/>
            <ac:spMk id="4" creationId="{94B6E69C-694D-5402-A886-B1A145BE6E59}"/>
          </ac:spMkLst>
        </pc:spChg>
        <pc:spChg chg="del">
          <ac:chgData name="Matias Vázquez Piñón" userId="2f86a967-3c9c-4a39-b538-7e6c0574d83d" providerId="ADAL" clId="{B0EC83BE-3AC5-42EC-8408-8B0ACB640EA4}" dt="2022-08-12T19:23:42.714" v="17915"/>
          <ac:spMkLst>
            <pc:docMk/>
            <pc:sldMk cId="2918963186" sldId="544"/>
            <ac:spMk id="5" creationId="{2336877E-3C37-2FD2-FFAB-279AEAFB3B34}"/>
          </ac:spMkLst>
        </pc:spChg>
      </pc:sldChg>
      <pc:sldChg chg="modSp add del mod ord">
        <pc:chgData name="Matias Vázquez Piñón" userId="2f86a967-3c9c-4a39-b538-7e6c0574d83d" providerId="ADAL" clId="{B0EC83BE-3AC5-42EC-8408-8B0ACB640EA4}" dt="2022-08-10T17:44:51.777" v="15633" actId="47"/>
        <pc:sldMkLst>
          <pc:docMk/>
          <pc:sldMk cId="2315348216" sldId="545"/>
        </pc:sldMkLst>
        <pc:spChg chg="mod">
          <ac:chgData name="Matias Vázquez Piñón" userId="2f86a967-3c9c-4a39-b538-7e6c0574d83d" providerId="ADAL" clId="{B0EC83BE-3AC5-42EC-8408-8B0ACB640EA4}" dt="2022-07-27T21:18:45.492" v="8992" actId="20577"/>
          <ac:spMkLst>
            <pc:docMk/>
            <pc:sldMk cId="2315348216" sldId="545"/>
            <ac:spMk id="2" creationId="{0BF9A323-8281-8FB0-4239-E4EA504CF76B}"/>
          </ac:spMkLst>
        </pc:spChg>
      </pc:sldChg>
      <pc:sldChg chg="addSp delSp modSp mod ord modClrScheme chgLayout">
        <pc:chgData name="Matias Vázquez Piñón" userId="2f86a967-3c9c-4a39-b538-7e6c0574d83d" providerId="ADAL" clId="{B0EC83BE-3AC5-42EC-8408-8B0ACB640EA4}" dt="2022-08-07T18:34:42.784" v="13503" actId="20577"/>
        <pc:sldMkLst>
          <pc:docMk/>
          <pc:sldMk cId="2217868022" sldId="546"/>
        </pc:sldMkLst>
        <pc:spChg chg="add del mod ord">
          <ac:chgData name="Matias Vázquez Piñón" userId="2f86a967-3c9c-4a39-b538-7e6c0574d83d" providerId="ADAL" clId="{B0EC83BE-3AC5-42EC-8408-8B0ACB640EA4}" dt="2022-08-06T13:47:40.712" v="10400" actId="700"/>
          <ac:spMkLst>
            <pc:docMk/>
            <pc:sldMk cId="2217868022" sldId="546"/>
            <ac:spMk id="2" creationId="{21CF641B-16DD-DF23-13C9-5B90E81216D1}"/>
          </ac:spMkLst>
        </pc:spChg>
        <pc:spChg chg="add del mod ord">
          <ac:chgData name="Matias Vázquez Piñón" userId="2f86a967-3c9c-4a39-b538-7e6c0574d83d" providerId="ADAL" clId="{B0EC83BE-3AC5-42EC-8408-8B0ACB640EA4}" dt="2022-08-06T13:48:32.443" v="10411" actId="700"/>
          <ac:spMkLst>
            <pc:docMk/>
            <pc:sldMk cId="2217868022" sldId="546"/>
            <ac:spMk id="4" creationId="{142F003C-F38B-DBE2-B75D-66FEDBC81AAE}"/>
          </ac:spMkLst>
        </pc:spChg>
        <pc:spChg chg="mod ord">
          <ac:chgData name="Matias Vázquez Piñón" userId="2f86a967-3c9c-4a39-b538-7e6c0574d83d" providerId="ADAL" clId="{B0EC83BE-3AC5-42EC-8408-8B0ACB640EA4}" dt="2022-08-06T13:48:32.443" v="10411" actId="700"/>
          <ac:spMkLst>
            <pc:docMk/>
            <pc:sldMk cId="2217868022" sldId="546"/>
            <ac:spMk id="5" creationId="{396C9030-6FBC-057F-3CCE-8C54FA97E616}"/>
          </ac:spMkLst>
        </pc:spChg>
        <pc:spChg chg="add del mod ord">
          <ac:chgData name="Matias Vázquez Piñón" userId="2f86a967-3c9c-4a39-b538-7e6c0574d83d" providerId="ADAL" clId="{B0EC83BE-3AC5-42EC-8408-8B0ACB640EA4}" dt="2022-08-06T13:48:34.760" v="10412"/>
          <ac:spMkLst>
            <pc:docMk/>
            <pc:sldMk cId="2217868022" sldId="546"/>
            <ac:spMk id="6" creationId="{6EE3E143-AB61-CFC0-9B14-43985C27B0AE}"/>
          </ac:spMkLst>
        </pc:spChg>
        <pc:spChg chg="mod ord">
          <ac:chgData name="Matias Vázquez Piñón" userId="2f86a967-3c9c-4a39-b538-7e6c0574d83d" providerId="ADAL" clId="{B0EC83BE-3AC5-42EC-8408-8B0ACB640EA4}" dt="2022-08-06T13:48:53.573" v="10419" actId="1076"/>
          <ac:spMkLst>
            <pc:docMk/>
            <pc:sldMk cId="2217868022" sldId="546"/>
            <ac:spMk id="7" creationId="{4D590D2C-CB7C-9EFA-A0F0-D12A837C53C7}"/>
          </ac:spMkLst>
        </pc:spChg>
        <pc:spChg chg="add del mod ord">
          <ac:chgData name="Matias Vázquez Piñón" userId="2f86a967-3c9c-4a39-b538-7e6c0574d83d" providerId="ADAL" clId="{B0EC83BE-3AC5-42EC-8408-8B0ACB640EA4}" dt="2022-08-06T13:49:37.952" v="10432"/>
          <ac:spMkLst>
            <pc:docMk/>
            <pc:sldMk cId="2217868022" sldId="546"/>
            <ac:spMk id="8" creationId="{3CD13D66-BD8E-B751-68B6-E8D02F1599D0}"/>
          </ac:spMkLst>
        </pc:spChg>
        <pc:spChg chg="add del mod ord">
          <ac:chgData name="Matias Vázquez Piñón" userId="2f86a967-3c9c-4a39-b538-7e6c0574d83d" providerId="ADAL" clId="{B0EC83BE-3AC5-42EC-8408-8B0ACB640EA4}" dt="2022-08-06T13:50:03.182" v="10437"/>
          <ac:spMkLst>
            <pc:docMk/>
            <pc:sldMk cId="2217868022" sldId="546"/>
            <ac:spMk id="9" creationId="{88A6493B-0C29-8CF3-92CA-90484230CAA3}"/>
          </ac:spMkLst>
        </pc:spChg>
        <pc:spChg chg="add del mod">
          <ac:chgData name="Matias Vázquez Piñón" userId="2f86a967-3c9c-4a39-b538-7e6c0574d83d" providerId="ADAL" clId="{B0EC83BE-3AC5-42EC-8408-8B0ACB640EA4}" dt="2022-08-06T13:50:46.437" v="10445"/>
          <ac:spMkLst>
            <pc:docMk/>
            <pc:sldMk cId="2217868022" sldId="546"/>
            <ac:spMk id="12" creationId="{D68F35B6-8BEF-5535-9A52-61DC5A4C9AF6}"/>
          </ac:spMkLst>
        </pc:spChg>
        <pc:spChg chg="add del mod">
          <ac:chgData name="Matias Vázquez Piñón" userId="2f86a967-3c9c-4a39-b538-7e6c0574d83d" providerId="ADAL" clId="{B0EC83BE-3AC5-42EC-8408-8B0ACB640EA4}" dt="2022-08-06T13:51:53.830" v="10452"/>
          <ac:spMkLst>
            <pc:docMk/>
            <pc:sldMk cId="2217868022" sldId="546"/>
            <ac:spMk id="15" creationId="{9684E39E-C443-0772-0653-69EE6822BAA9}"/>
          </ac:spMkLst>
        </pc:spChg>
        <pc:spChg chg="add del mod">
          <ac:chgData name="Matias Vázquez Piñón" userId="2f86a967-3c9c-4a39-b538-7e6c0574d83d" providerId="ADAL" clId="{B0EC83BE-3AC5-42EC-8408-8B0ACB640EA4}" dt="2022-08-06T13:52:23.097" v="10454"/>
          <ac:spMkLst>
            <pc:docMk/>
            <pc:sldMk cId="2217868022" sldId="546"/>
            <ac:spMk id="16" creationId="{848E04F3-CB68-13D3-F53F-FE6F55354F2C}"/>
          </ac:spMkLst>
        </pc:spChg>
        <pc:spChg chg="add del mod">
          <ac:chgData name="Matias Vázquez Piñón" userId="2f86a967-3c9c-4a39-b538-7e6c0574d83d" providerId="ADAL" clId="{B0EC83BE-3AC5-42EC-8408-8B0ACB640EA4}" dt="2022-08-06T13:53:12.008" v="10458"/>
          <ac:spMkLst>
            <pc:docMk/>
            <pc:sldMk cId="2217868022" sldId="546"/>
            <ac:spMk id="18" creationId="{704D77B4-BAC1-DD87-5A9F-D837085A739E}"/>
          </ac:spMkLst>
        </pc:spChg>
        <pc:spChg chg="add del mod">
          <ac:chgData name="Matias Vázquez Piñón" userId="2f86a967-3c9c-4a39-b538-7e6c0574d83d" providerId="ADAL" clId="{B0EC83BE-3AC5-42EC-8408-8B0ACB640EA4}" dt="2022-08-06T13:53:44.002" v="10461"/>
          <ac:spMkLst>
            <pc:docMk/>
            <pc:sldMk cId="2217868022" sldId="546"/>
            <ac:spMk id="20" creationId="{8416CE3C-FCCB-2BA1-F415-7E13F145D386}"/>
          </ac:spMkLst>
        </pc:spChg>
        <pc:spChg chg="add del mod">
          <ac:chgData name="Matias Vázquez Piñón" userId="2f86a967-3c9c-4a39-b538-7e6c0574d83d" providerId="ADAL" clId="{B0EC83BE-3AC5-42EC-8408-8B0ACB640EA4}" dt="2022-08-06T13:54:05.559" v="10463"/>
          <ac:spMkLst>
            <pc:docMk/>
            <pc:sldMk cId="2217868022" sldId="546"/>
            <ac:spMk id="22" creationId="{D54CB359-1A86-642E-86DF-10FC68D36CB2}"/>
          </ac:spMkLst>
        </pc:spChg>
        <pc:spChg chg="add del mod">
          <ac:chgData name="Matias Vázquez Piñón" userId="2f86a967-3c9c-4a39-b538-7e6c0574d83d" providerId="ADAL" clId="{B0EC83BE-3AC5-42EC-8408-8B0ACB640EA4}" dt="2022-08-06T13:49:35.962" v="10431"/>
          <ac:spMkLst>
            <pc:docMk/>
            <pc:sldMk cId="2217868022" sldId="546"/>
            <ac:spMk id="59" creationId="{8CD00744-7C87-7250-D1CC-E09AEFF08B44}"/>
          </ac:spMkLst>
        </pc:spChg>
        <pc:spChg chg="del">
          <ac:chgData name="Matias Vázquez Piñón" userId="2f86a967-3c9c-4a39-b538-7e6c0574d83d" providerId="ADAL" clId="{B0EC83BE-3AC5-42EC-8408-8B0ACB640EA4}" dt="2022-08-06T13:48:43.558" v="10415" actId="478"/>
          <ac:spMkLst>
            <pc:docMk/>
            <pc:sldMk cId="2217868022" sldId="546"/>
            <ac:spMk id="60" creationId="{0EB280C5-56BC-9EB1-DF16-5B66FE908595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63" creationId="{5D5A0574-AF99-CB5D-9CFA-89C8D4B46D7C}"/>
          </ac:spMkLst>
        </pc:spChg>
        <pc:spChg chg="del">
          <ac:chgData name="Matias Vázquez Piñón" userId="2f86a967-3c9c-4a39-b538-7e6c0574d83d" providerId="ADAL" clId="{B0EC83BE-3AC5-42EC-8408-8B0ACB640EA4}" dt="2022-08-06T13:49:01.294" v="10421" actId="478"/>
          <ac:spMkLst>
            <pc:docMk/>
            <pc:sldMk cId="2217868022" sldId="546"/>
            <ac:spMk id="64" creationId="{138D4D9B-A25C-D323-7CA6-77B0CA754CCF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65" creationId="{15A7F9EF-7C6A-BF70-0ACD-E1118CC195D3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66" creationId="{84F937CD-8FB0-2F0E-5212-6891A62E70BE}"/>
          </ac:spMkLst>
        </pc:spChg>
        <pc:spChg chg="del mod">
          <ac:chgData name="Matias Vázquez Piñón" userId="2f86a967-3c9c-4a39-b538-7e6c0574d83d" providerId="ADAL" clId="{B0EC83BE-3AC5-42EC-8408-8B0ACB640EA4}" dt="2022-08-06T13:49:04.662" v="10423" actId="478"/>
          <ac:spMkLst>
            <pc:docMk/>
            <pc:sldMk cId="2217868022" sldId="546"/>
            <ac:spMk id="67" creationId="{9C9C6459-DDC9-DD58-931F-162637BFFEDF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68" creationId="{E233C9DD-40E8-AC1E-28CE-403795A42E3E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69" creationId="{F9DAC017-DCA6-71CA-8AFF-233791234648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70" creationId="{8491059C-BCF5-0767-FE35-D919D45FDEF2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71" creationId="{90FBCA04-3C2A-7340-5BB4-AB32566E948F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76" creationId="{E8C0158D-5A2A-696D-1015-EB6DFEE0F4A1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77" creationId="{A4790A7B-3297-9073-DFFC-0F0455895161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97" creationId="{72B8A64D-4330-56AF-564D-44893B6B2507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98" creationId="{EEA136BA-E308-CB65-A901-23AD00181B00}"/>
          </ac:spMkLst>
        </pc:spChg>
        <pc:spChg chg="del">
          <ac:chgData name="Matias Vázquez Piñón" userId="2f86a967-3c9c-4a39-b538-7e6c0574d83d" providerId="ADAL" clId="{B0EC83BE-3AC5-42EC-8408-8B0ACB640EA4}" dt="2022-08-06T13:48:57.218" v="10420" actId="478"/>
          <ac:spMkLst>
            <pc:docMk/>
            <pc:sldMk cId="2217868022" sldId="546"/>
            <ac:spMk id="99" creationId="{CDF6B19B-8450-CACF-727E-4A88A6062EE9}"/>
          </ac:spMkLst>
        </pc:spChg>
        <pc:spChg chg="add del mod">
          <ac:chgData name="Matias Vázquez Piñón" userId="2f86a967-3c9c-4a39-b538-7e6c0574d83d" providerId="ADAL" clId="{B0EC83BE-3AC5-42EC-8408-8B0ACB640EA4}" dt="2022-08-06T13:49:35.962" v="10431"/>
          <ac:spMkLst>
            <pc:docMk/>
            <pc:sldMk cId="2217868022" sldId="546"/>
            <ac:spMk id="106" creationId="{019C309F-9714-4CAD-B2F7-4498E9EBB8B7}"/>
          </ac:spMkLst>
        </pc:spChg>
        <pc:spChg chg="add del mod">
          <ac:chgData name="Matias Vázquez Piñón" userId="2f86a967-3c9c-4a39-b538-7e6c0574d83d" providerId="ADAL" clId="{B0EC83BE-3AC5-42EC-8408-8B0ACB640EA4}" dt="2022-08-06T13:49:35.962" v="10431"/>
          <ac:spMkLst>
            <pc:docMk/>
            <pc:sldMk cId="2217868022" sldId="546"/>
            <ac:spMk id="107" creationId="{EBD886E6-56DF-30B0-C534-A632B965F4AF}"/>
          </ac:spMkLst>
        </pc:spChg>
        <pc:spChg chg="add del mod">
          <ac:chgData name="Matias Vázquez Piñón" userId="2f86a967-3c9c-4a39-b538-7e6c0574d83d" providerId="ADAL" clId="{B0EC83BE-3AC5-42EC-8408-8B0ACB640EA4}" dt="2022-08-06T13:49:35.962" v="10431"/>
          <ac:spMkLst>
            <pc:docMk/>
            <pc:sldMk cId="2217868022" sldId="546"/>
            <ac:spMk id="109" creationId="{0F1F41DF-54BC-CD4F-4ACF-8C4E78D494F9}"/>
          </ac:spMkLst>
        </pc:spChg>
        <pc:spChg chg="add del mod">
          <ac:chgData name="Matias Vázquez Piñón" userId="2f86a967-3c9c-4a39-b538-7e6c0574d83d" providerId="ADAL" clId="{B0EC83BE-3AC5-42EC-8408-8B0ACB640EA4}" dt="2022-08-06T13:49:57.698" v="10434"/>
          <ac:spMkLst>
            <pc:docMk/>
            <pc:sldMk cId="2217868022" sldId="546"/>
            <ac:spMk id="117" creationId="{ED7DACD4-54B9-6C7C-3A10-E7C5F0CB470A}"/>
          </ac:spMkLst>
        </pc:spChg>
        <pc:spChg chg="add del mod">
          <ac:chgData name="Matias Vázquez Piñón" userId="2f86a967-3c9c-4a39-b538-7e6c0574d83d" providerId="ADAL" clId="{B0EC83BE-3AC5-42EC-8408-8B0ACB640EA4}" dt="2022-08-06T13:49:57.698" v="10434"/>
          <ac:spMkLst>
            <pc:docMk/>
            <pc:sldMk cId="2217868022" sldId="546"/>
            <ac:spMk id="118" creationId="{FD0142D4-86CA-C2A3-9223-8D1582993008}"/>
          </ac:spMkLst>
        </pc:spChg>
        <pc:spChg chg="add del mod">
          <ac:chgData name="Matias Vázquez Piñón" userId="2f86a967-3c9c-4a39-b538-7e6c0574d83d" providerId="ADAL" clId="{B0EC83BE-3AC5-42EC-8408-8B0ACB640EA4}" dt="2022-08-06T13:49:57.698" v="10434"/>
          <ac:spMkLst>
            <pc:docMk/>
            <pc:sldMk cId="2217868022" sldId="546"/>
            <ac:spMk id="119" creationId="{EDBC2AAC-C054-8EB7-AE93-5D8884DCB3D2}"/>
          </ac:spMkLst>
        </pc:spChg>
        <pc:spChg chg="add del mod">
          <ac:chgData name="Matias Vázquez Piñón" userId="2f86a967-3c9c-4a39-b538-7e6c0574d83d" providerId="ADAL" clId="{B0EC83BE-3AC5-42EC-8408-8B0ACB640EA4}" dt="2022-08-06T13:49:57.698" v="10434"/>
          <ac:spMkLst>
            <pc:docMk/>
            <pc:sldMk cId="2217868022" sldId="546"/>
            <ac:spMk id="120" creationId="{64A86CBE-5D1A-E5CE-FC62-F49E42EF5208}"/>
          </ac:spMkLst>
        </pc:spChg>
        <pc:spChg chg="add del mod">
          <ac:chgData name="Matias Vázquez Piñón" userId="2f86a967-3c9c-4a39-b538-7e6c0574d83d" providerId="ADAL" clId="{B0EC83BE-3AC5-42EC-8408-8B0ACB640EA4}" dt="2022-08-06T13:49:57.698" v="10434"/>
          <ac:spMkLst>
            <pc:docMk/>
            <pc:sldMk cId="2217868022" sldId="546"/>
            <ac:spMk id="121" creationId="{05945716-EA78-D0FE-6464-1F208CD83445}"/>
          </ac:spMkLst>
        </pc:spChg>
        <pc:spChg chg="add del mod">
          <ac:chgData name="Matias Vázquez Piñón" userId="2f86a967-3c9c-4a39-b538-7e6c0574d83d" providerId="ADAL" clId="{B0EC83BE-3AC5-42EC-8408-8B0ACB640EA4}" dt="2022-08-06T13:49:57.698" v="10434"/>
          <ac:spMkLst>
            <pc:docMk/>
            <pc:sldMk cId="2217868022" sldId="546"/>
            <ac:spMk id="122" creationId="{F2F5922F-83FF-ABE8-4039-2BC0AF7A7E50}"/>
          </ac:spMkLst>
        </pc:spChg>
        <pc:spChg chg="add del mod">
          <ac:chgData name="Matias Vázquez Piñón" userId="2f86a967-3c9c-4a39-b538-7e6c0574d83d" providerId="ADAL" clId="{B0EC83BE-3AC5-42EC-8408-8B0ACB640EA4}" dt="2022-08-06T13:49:57.698" v="10434"/>
          <ac:spMkLst>
            <pc:docMk/>
            <pc:sldMk cId="2217868022" sldId="546"/>
            <ac:spMk id="123" creationId="{DD6AF921-18DF-D915-121A-9B073521C420}"/>
          </ac:spMkLst>
        </pc:spChg>
        <pc:spChg chg="add del mod">
          <ac:chgData name="Matias Vázquez Piñón" userId="2f86a967-3c9c-4a39-b538-7e6c0574d83d" providerId="ADAL" clId="{B0EC83BE-3AC5-42EC-8408-8B0ACB640EA4}" dt="2022-08-06T13:49:57.698" v="10434"/>
          <ac:spMkLst>
            <pc:docMk/>
            <pc:sldMk cId="2217868022" sldId="546"/>
            <ac:spMk id="124" creationId="{568C34F6-27F1-3E01-188A-936123964395}"/>
          </ac:spMkLst>
        </pc:spChg>
        <pc:spChg chg="add del mod">
          <ac:chgData name="Matias Vázquez Piñón" userId="2f86a967-3c9c-4a39-b538-7e6c0574d83d" providerId="ADAL" clId="{B0EC83BE-3AC5-42EC-8408-8B0ACB640EA4}" dt="2022-08-06T13:49:57.698" v="10434"/>
          <ac:spMkLst>
            <pc:docMk/>
            <pc:sldMk cId="2217868022" sldId="546"/>
            <ac:spMk id="129" creationId="{D2519FC1-648E-F902-9E15-4CB8E3E5894B}"/>
          </ac:spMkLst>
        </pc:spChg>
        <pc:spChg chg="add del mod">
          <ac:chgData name="Matias Vázquez Piñón" userId="2f86a967-3c9c-4a39-b538-7e6c0574d83d" providerId="ADAL" clId="{B0EC83BE-3AC5-42EC-8408-8B0ACB640EA4}" dt="2022-08-06T13:49:57.698" v="10434"/>
          <ac:spMkLst>
            <pc:docMk/>
            <pc:sldMk cId="2217868022" sldId="546"/>
            <ac:spMk id="130" creationId="{464BA261-C3D6-4578-EF33-070870AFDDF5}"/>
          </ac:spMkLst>
        </pc:spChg>
        <pc:grpChg chg="del">
          <ac:chgData name="Matias Vázquez Piñón" userId="2f86a967-3c9c-4a39-b538-7e6c0574d83d" providerId="ADAL" clId="{B0EC83BE-3AC5-42EC-8408-8B0ACB640EA4}" dt="2022-08-06T13:48:57.218" v="10420" actId="478"/>
          <ac:grpSpMkLst>
            <pc:docMk/>
            <pc:sldMk cId="2217868022" sldId="546"/>
            <ac:grpSpMk id="78" creationId="{A9B61B20-0F76-DC70-52FF-2F911644507D}"/>
          </ac:grpSpMkLst>
        </pc:grpChg>
        <pc:grpChg chg="del">
          <ac:chgData name="Matias Vázquez Piñón" userId="2f86a967-3c9c-4a39-b538-7e6c0574d83d" providerId="ADAL" clId="{B0EC83BE-3AC5-42EC-8408-8B0ACB640EA4}" dt="2022-08-06T13:48:57.218" v="10420" actId="478"/>
          <ac:grpSpMkLst>
            <pc:docMk/>
            <pc:sldMk cId="2217868022" sldId="546"/>
            <ac:grpSpMk id="81" creationId="{55FF9EFF-9C93-D95C-B8D1-F9922B004B8B}"/>
          </ac:grpSpMkLst>
        </pc:grpChg>
        <pc:grpChg chg="del">
          <ac:chgData name="Matias Vázquez Piñón" userId="2f86a967-3c9c-4a39-b538-7e6c0574d83d" providerId="ADAL" clId="{B0EC83BE-3AC5-42EC-8408-8B0ACB640EA4}" dt="2022-08-06T13:48:57.218" v="10420" actId="478"/>
          <ac:grpSpMkLst>
            <pc:docMk/>
            <pc:sldMk cId="2217868022" sldId="546"/>
            <ac:grpSpMk id="85" creationId="{852B5074-DBC1-7810-8ED8-B10EC7CEA3B9}"/>
          </ac:grpSpMkLst>
        </pc:grpChg>
        <pc:grpChg chg="del">
          <ac:chgData name="Matias Vázquez Piñón" userId="2f86a967-3c9c-4a39-b538-7e6c0574d83d" providerId="ADAL" clId="{B0EC83BE-3AC5-42EC-8408-8B0ACB640EA4}" dt="2022-08-06T13:48:57.218" v="10420" actId="478"/>
          <ac:grpSpMkLst>
            <pc:docMk/>
            <pc:sldMk cId="2217868022" sldId="546"/>
            <ac:grpSpMk id="89" creationId="{3B8B3BDB-70B8-14CA-9945-F432031285CA}"/>
          </ac:grpSpMkLst>
        </pc:grpChg>
        <pc:grpChg chg="del">
          <ac:chgData name="Matias Vázquez Piñón" userId="2f86a967-3c9c-4a39-b538-7e6c0574d83d" providerId="ADAL" clId="{B0EC83BE-3AC5-42EC-8408-8B0ACB640EA4}" dt="2022-08-06T13:48:57.218" v="10420" actId="478"/>
          <ac:grpSpMkLst>
            <pc:docMk/>
            <pc:sldMk cId="2217868022" sldId="546"/>
            <ac:grpSpMk id="94" creationId="{78EA1750-C7C3-69A3-1C7D-14D83AE626E4}"/>
          </ac:grpSpMkLst>
        </pc:grpChg>
        <pc:grpChg chg="del">
          <ac:chgData name="Matias Vázquez Piñón" userId="2f86a967-3c9c-4a39-b538-7e6c0574d83d" providerId="ADAL" clId="{B0EC83BE-3AC5-42EC-8408-8B0ACB640EA4}" dt="2022-08-06T13:48:57.218" v="10420" actId="478"/>
          <ac:grpSpMkLst>
            <pc:docMk/>
            <pc:sldMk cId="2217868022" sldId="546"/>
            <ac:grpSpMk id="100" creationId="{566E1C32-5783-4703-4B8B-51A51C5AF416}"/>
          </ac:grpSpMkLst>
        </pc:grpChg>
        <pc:grpChg chg="del">
          <ac:chgData name="Matias Vázquez Piñón" userId="2f86a967-3c9c-4a39-b538-7e6c0574d83d" providerId="ADAL" clId="{B0EC83BE-3AC5-42EC-8408-8B0ACB640EA4}" dt="2022-08-06T13:48:57.218" v="10420" actId="478"/>
          <ac:grpSpMkLst>
            <pc:docMk/>
            <pc:sldMk cId="2217868022" sldId="546"/>
            <ac:grpSpMk id="103" creationId="{0EE21865-367F-5D3D-342A-FB297907CE88}"/>
          </ac:grpSpMkLst>
        </pc:grpChg>
        <pc:grpChg chg="add del mod">
          <ac:chgData name="Matias Vázquez Piñón" userId="2f86a967-3c9c-4a39-b538-7e6c0574d83d" providerId="ADAL" clId="{B0EC83BE-3AC5-42EC-8408-8B0ACB640EA4}" dt="2022-08-06T13:49:35.962" v="10431"/>
          <ac:grpSpMkLst>
            <pc:docMk/>
            <pc:sldMk cId="2217868022" sldId="546"/>
            <ac:grpSpMk id="110" creationId="{05667291-21AE-CB14-D5C4-2649B3E65F56}"/>
          </ac:grpSpMkLst>
        </pc:grpChg>
        <pc:grpChg chg="add del mod">
          <ac:chgData name="Matias Vázquez Piñón" userId="2f86a967-3c9c-4a39-b538-7e6c0574d83d" providerId="ADAL" clId="{B0EC83BE-3AC5-42EC-8408-8B0ACB640EA4}" dt="2022-08-06T13:49:35.962" v="10431"/>
          <ac:grpSpMkLst>
            <pc:docMk/>
            <pc:sldMk cId="2217868022" sldId="546"/>
            <ac:grpSpMk id="113" creationId="{A04667C1-B10E-3844-DE7B-E9C97595A0D0}"/>
          </ac:grpSpMkLst>
        </pc:grpChg>
        <pc:grpChg chg="add del mod">
          <ac:chgData name="Matias Vázquez Piñón" userId="2f86a967-3c9c-4a39-b538-7e6c0574d83d" providerId="ADAL" clId="{B0EC83BE-3AC5-42EC-8408-8B0ACB640EA4}" dt="2022-08-06T13:49:57.698" v="10434"/>
          <ac:grpSpMkLst>
            <pc:docMk/>
            <pc:sldMk cId="2217868022" sldId="546"/>
            <ac:grpSpMk id="131" creationId="{07CC307B-63E3-0615-9042-7384F3F057DD}"/>
          </ac:grpSpMkLst>
        </pc:grpChg>
        <pc:grpChg chg="add del mod">
          <ac:chgData name="Matias Vázquez Piñón" userId="2f86a967-3c9c-4a39-b538-7e6c0574d83d" providerId="ADAL" clId="{B0EC83BE-3AC5-42EC-8408-8B0ACB640EA4}" dt="2022-08-06T13:49:57.698" v="10434"/>
          <ac:grpSpMkLst>
            <pc:docMk/>
            <pc:sldMk cId="2217868022" sldId="546"/>
            <ac:grpSpMk id="134" creationId="{A99A69DD-D2B9-8074-8E55-FB3EE26AB8C6}"/>
          </ac:grpSpMkLst>
        </pc:grpChg>
        <pc:grpChg chg="add del mod">
          <ac:chgData name="Matias Vázquez Piñón" userId="2f86a967-3c9c-4a39-b538-7e6c0574d83d" providerId="ADAL" clId="{B0EC83BE-3AC5-42EC-8408-8B0ACB640EA4}" dt="2022-08-06T13:49:57.698" v="10434"/>
          <ac:grpSpMkLst>
            <pc:docMk/>
            <pc:sldMk cId="2217868022" sldId="546"/>
            <ac:grpSpMk id="138" creationId="{8757C6CE-4D23-C74F-55AF-0769FC7979BE}"/>
          </ac:grpSpMkLst>
        </pc:grpChg>
        <pc:grpChg chg="add del mod">
          <ac:chgData name="Matias Vázquez Piñón" userId="2f86a967-3c9c-4a39-b538-7e6c0574d83d" providerId="ADAL" clId="{B0EC83BE-3AC5-42EC-8408-8B0ACB640EA4}" dt="2022-08-06T13:49:57.698" v="10434"/>
          <ac:grpSpMkLst>
            <pc:docMk/>
            <pc:sldMk cId="2217868022" sldId="546"/>
            <ac:grpSpMk id="142" creationId="{591E5AE2-E0DD-FBF3-E0D1-094FAD1503A6}"/>
          </ac:grpSpMkLst>
        </pc:grpChg>
        <pc:grpChg chg="add del mod">
          <ac:chgData name="Matias Vázquez Piñón" userId="2f86a967-3c9c-4a39-b538-7e6c0574d83d" providerId="ADAL" clId="{B0EC83BE-3AC5-42EC-8408-8B0ACB640EA4}" dt="2022-08-06T13:49:57.698" v="10434"/>
          <ac:grpSpMkLst>
            <pc:docMk/>
            <pc:sldMk cId="2217868022" sldId="546"/>
            <ac:grpSpMk id="147" creationId="{2D111FFA-A9D3-CE73-5FC5-E03DF9DE91A3}"/>
          </ac:grpSpMkLst>
        </pc:grpChg>
        <pc:graphicFrameChg chg="add mod modGraphic">
          <ac:chgData name="Matias Vázquez Piñón" userId="2f86a967-3c9c-4a39-b538-7e6c0574d83d" providerId="ADAL" clId="{B0EC83BE-3AC5-42EC-8408-8B0ACB640EA4}" dt="2022-08-07T18:34:42.784" v="13503" actId="20577"/>
          <ac:graphicFrameMkLst>
            <pc:docMk/>
            <pc:sldMk cId="2217868022" sldId="546"/>
            <ac:graphicFrameMk id="24" creationId="{F5C66420-C7C7-5973-F17E-4451D1546CC0}"/>
          </ac:graphicFrameMkLst>
        </pc:graphicFrameChg>
        <pc:graphicFrameChg chg="add del mod">
          <ac:chgData name="Matias Vázquez Piñón" userId="2f86a967-3c9c-4a39-b538-7e6c0574d83d" providerId="ADAL" clId="{B0EC83BE-3AC5-42EC-8408-8B0ACB640EA4}" dt="2022-08-06T13:51:51.358" v="10451" actId="21"/>
          <ac:graphicFrameMkLst>
            <pc:docMk/>
            <pc:sldMk cId="2217868022" sldId="546"/>
            <ac:graphicFrameMk id="57" creationId="{C5A4F446-A00D-B947-0115-4B77B85AC542}"/>
          </ac:graphicFrameMkLst>
        </pc:graphicFrameChg>
        <pc:graphicFrameChg chg="del mod ord modGraphic">
          <ac:chgData name="Matias Vázquez Piñón" userId="2f86a967-3c9c-4a39-b538-7e6c0574d83d" providerId="ADAL" clId="{B0EC83BE-3AC5-42EC-8408-8B0ACB640EA4}" dt="2022-08-06T13:48:26.823" v="10410" actId="21"/>
          <ac:graphicFrameMkLst>
            <pc:docMk/>
            <pc:sldMk cId="2217868022" sldId="546"/>
            <ac:graphicFrameMk id="108" creationId="{B31D84D1-C8D3-D468-5286-706F7928B6C3}"/>
          </ac:graphicFrameMkLst>
        </pc:graphicFrameChg>
        <pc:graphicFrameChg chg="add mod modGraphic">
          <ac:chgData name="Matias Vázquez Piñón" userId="2f86a967-3c9c-4a39-b538-7e6c0574d83d" providerId="ADAL" clId="{B0EC83BE-3AC5-42EC-8408-8B0ACB640EA4}" dt="2022-08-06T13:59:14.789" v="10491" actId="122"/>
          <ac:graphicFrameMkLst>
            <pc:docMk/>
            <pc:sldMk cId="2217868022" sldId="546"/>
            <ac:graphicFrameMk id="150" creationId="{DAE658D6-48D0-ADEB-AE85-52CD04BD8D79}"/>
          </ac:graphicFrameMkLst>
        </pc:graphicFrameChg>
        <pc:picChg chg="add del mod">
          <ac:chgData name="Matias Vázquez Piñón" userId="2f86a967-3c9c-4a39-b538-7e6c0574d83d" providerId="ADAL" clId="{B0EC83BE-3AC5-42EC-8408-8B0ACB640EA4}" dt="2022-08-06T13:50:43.002" v="10444" actId="478"/>
          <ac:picMkLst>
            <pc:docMk/>
            <pc:sldMk cId="2217868022" sldId="546"/>
            <ac:picMk id="10" creationId="{75A7437B-77D9-EDD0-D1CE-0EDD2A2DE6BB}"/>
          </ac:picMkLst>
        </pc:picChg>
        <pc:picChg chg="add del mod">
          <ac:chgData name="Matias Vázquez Piñón" userId="2f86a967-3c9c-4a39-b538-7e6c0574d83d" providerId="ADAL" clId="{B0EC83BE-3AC5-42EC-8408-8B0ACB640EA4}" dt="2022-08-06T13:52:20.682" v="10453" actId="478"/>
          <ac:picMkLst>
            <pc:docMk/>
            <pc:sldMk cId="2217868022" sldId="546"/>
            <ac:picMk id="11" creationId="{C9B28046-38DA-410A-D16E-AD3969260B4B}"/>
          </ac:picMkLst>
        </pc:picChg>
        <pc:picChg chg="add del mod">
          <ac:chgData name="Matias Vázquez Piñón" userId="2f86a967-3c9c-4a39-b538-7e6c0574d83d" providerId="ADAL" clId="{B0EC83BE-3AC5-42EC-8408-8B0ACB640EA4}" dt="2022-08-06T13:53:09.861" v="10457" actId="478"/>
          <ac:picMkLst>
            <pc:docMk/>
            <pc:sldMk cId="2217868022" sldId="546"/>
            <ac:picMk id="13" creationId="{968FE640-AACB-4042-198B-A911BDEFCCE0}"/>
          </ac:picMkLst>
        </pc:picChg>
        <pc:picChg chg="add del mod">
          <ac:chgData name="Matias Vázquez Piñón" userId="2f86a967-3c9c-4a39-b538-7e6c0574d83d" providerId="ADAL" clId="{B0EC83BE-3AC5-42EC-8408-8B0ACB640EA4}" dt="2022-08-06T13:54:01.877" v="10462" actId="478"/>
          <ac:picMkLst>
            <pc:docMk/>
            <pc:sldMk cId="2217868022" sldId="546"/>
            <ac:picMk id="17" creationId="{F6CCA921-0986-5BE2-9F3D-7A7B42E5BEBB}"/>
          </ac:picMkLst>
        </pc:picChg>
        <pc:picChg chg="add del mod">
          <ac:chgData name="Matias Vázquez Piñón" userId="2f86a967-3c9c-4a39-b538-7e6c0574d83d" providerId="ADAL" clId="{B0EC83BE-3AC5-42EC-8408-8B0ACB640EA4}" dt="2022-08-06T13:53:27.499" v="10460" actId="478"/>
          <ac:picMkLst>
            <pc:docMk/>
            <pc:sldMk cId="2217868022" sldId="546"/>
            <ac:picMk id="19" creationId="{842F429C-11EE-A94D-2A21-EC723123718F}"/>
          </ac:picMkLst>
        </pc:picChg>
        <pc:picChg chg="add mod">
          <ac:chgData name="Matias Vázquez Piñón" userId="2f86a967-3c9c-4a39-b538-7e6c0574d83d" providerId="ADAL" clId="{B0EC83BE-3AC5-42EC-8408-8B0ACB640EA4}" dt="2022-08-06T13:58:03.291" v="10486" actId="1076"/>
          <ac:picMkLst>
            <pc:docMk/>
            <pc:sldMk cId="2217868022" sldId="546"/>
            <ac:picMk id="21" creationId="{153B8008-D68A-A97D-0C4C-F763DAF92B43}"/>
          </ac:picMkLst>
        </pc:picChg>
        <pc:picChg chg="add mod">
          <ac:chgData name="Matias Vázquez Piñón" userId="2f86a967-3c9c-4a39-b538-7e6c0574d83d" providerId="ADAL" clId="{B0EC83BE-3AC5-42EC-8408-8B0ACB640EA4}" dt="2022-08-06T13:59:49.680" v="10492" actId="1076"/>
          <ac:picMkLst>
            <pc:docMk/>
            <pc:sldMk cId="2217868022" sldId="546"/>
            <ac:picMk id="23" creationId="{D77DB9C9-D06E-AA18-7B0F-E0BBF9FE4DBF}"/>
          </ac:picMkLst>
        </pc:picChg>
        <pc:picChg chg="add del mod">
          <ac:chgData name="Matias Vázquez Piñón" userId="2f86a967-3c9c-4a39-b538-7e6c0574d83d" providerId="ADAL" clId="{B0EC83BE-3AC5-42EC-8408-8B0ACB640EA4}" dt="2022-08-06T13:49:35.962" v="10431"/>
          <ac:picMkLst>
            <pc:docMk/>
            <pc:sldMk cId="2217868022" sldId="546"/>
            <ac:picMk id="58" creationId="{3A67DF55-F14F-3248-7BF2-7CF8CE7DC74E}"/>
          </ac:picMkLst>
        </pc:picChg>
        <pc:picChg chg="del">
          <ac:chgData name="Matias Vázquez Piñón" userId="2f86a967-3c9c-4a39-b538-7e6c0574d83d" providerId="ADAL" clId="{B0EC83BE-3AC5-42EC-8408-8B0ACB640EA4}" dt="2022-08-06T13:48:57.218" v="10420" actId="478"/>
          <ac:picMkLst>
            <pc:docMk/>
            <pc:sldMk cId="2217868022" sldId="546"/>
            <ac:picMk id="61" creationId="{5C8D2E16-2FC2-CF51-C413-AB6735359D99}"/>
          </ac:picMkLst>
        </pc:picChg>
        <pc:picChg chg="del mod">
          <ac:chgData name="Matias Vázquez Piñón" userId="2f86a967-3c9c-4a39-b538-7e6c0574d83d" providerId="ADAL" clId="{B0EC83BE-3AC5-42EC-8408-8B0ACB640EA4}" dt="2022-08-06T13:48:57.218" v="10420" actId="478"/>
          <ac:picMkLst>
            <pc:docMk/>
            <pc:sldMk cId="2217868022" sldId="546"/>
            <ac:picMk id="62" creationId="{A7681A0E-02D2-A725-89D7-5D31C94DD49D}"/>
          </ac:picMkLst>
        </pc:picChg>
        <pc:picChg chg="add del mod">
          <ac:chgData name="Matias Vázquez Piñón" userId="2f86a967-3c9c-4a39-b538-7e6c0574d83d" providerId="ADAL" clId="{B0EC83BE-3AC5-42EC-8408-8B0ACB640EA4}" dt="2022-08-06T13:49:57.698" v="10434"/>
          <ac:picMkLst>
            <pc:docMk/>
            <pc:sldMk cId="2217868022" sldId="546"/>
            <ac:picMk id="116" creationId="{AE7CB0D4-E946-E284-48A7-B14BF422496A}"/>
          </ac:picMkLst>
        </pc:picChg>
        <pc:picChg chg="add mod">
          <ac:chgData name="Matias Vázquez Piñón" userId="2f86a967-3c9c-4a39-b538-7e6c0574d83d" providerId="ADAL" clId="{B0EC83BE-3AC5-42EC-8408-8B0ACB640EA4}" dt="2022-08-07T14:33:42.168" v="13447" actId="1076"/>
          <ac:picMkLst>
            <pc:docMk/>
            <pc:sldMk cId="2217868022" sldId="546"/>
            <ac:picMk id="1026" creationId="{D50BB1BE-8825-FC85-7D77-B564BAFF66C3}"/>
          </ac:picMkLst>
        </pc:picChg>
        <pc:picChg chg="add mod">
          <ac:chgData name="Matias Vázquez Piñón" userId="2f86a967-3c9c-4a39-b538-7e6c0574d83d" providerId="ADAL" clId="{B0EC83BE-3AC5-42EC-8408-8B0ACB640EA4}" dt="2022-08-07T14:33:45.386" v="13448" actId="1076"/>
          <ac:picMkLst>
            <pc:docMk/>
            <pc:sldMk cId="2217868022" sldId="546"/>
            <ac:picMk id="1028" creationId="{1085CD7A-7B13-470A-31C4-83F0D09B5F93}"/>
          </ac:picMkLst>
        </pc:picChg>
        <pc:inkChg chg="del">
          <ac:chgData name="Matias Vázquez Piñón" userId="2f86a967-3c9c-4a39-b538-7e6c0574d83d" providerId="ADAL" clId="{B0EC83BE-3AC5-42EC-8408-8B0ACB640EA4}" dt="2022-08-06T13:48:57.218" v="10420" actId="478"/>
          <ac:inkMkLst>
            <pc:docMk/>
            <pc:sldMk cId="2217868022" sldId="546"/>
            <ac:inkMk id="72" creationId="{4D88DD36-CAA3-A889-2E1F-5F5E02E7EF27}"/>
          </ac:inkMkLst>
        </pc:inkChg>
        <pc:inkChg chg="del">
          <ac:chgData name="Matias Vázquez Piñón" userId="2f86a967-3c9c-4a39-b538-7e6c0574d83d" providerId="ADAL" clId="{B0EC83BE-3AC5-42EC-8408-8B0ACB640EA4}" dt="2022-08-06T13:48:57.218" v="10420" actId="478"/>
          <ac:inkMkLst>
            <pc:docMk/>
            <pc:sldMk cId="2217868022" sldId="546"/>
            <ac:inkMk id="73" creationId="{54AEB02F-16B1-B008-4AEB-62A275100EBB}"/>
          </ac:inkMkLst>
        </pc:inkChg>
        <pc:inkChg chg="del">
          <ac:chgData name="Matias Vázquez Piñón" userId="2f86a967-3c9c-4a39-b538-7e6c0574d83d" providerId="ADAL" clId="{B0EC83BE-3AC5-42EC-8408-8B0ACB640EA4}" dt="2022-08-06T13:48:57.218" v="10420" actId="478"/>
          <ac:inkMkLst>
            <pc:docMk/>
            <pc:sldMk cId="2217868022" sldId="546"/>
            <ac:inkMk id="74" creationId="{995F4AB0-5559-BDDF-E3BB-0AD59B0463E4}"/>
          </ac:inkMkLst>
        </pc:inkChg>
        <pc:inkChg chg="del">
          <ac:chgData name="Matias Vázquez Piñón" userId="2f86a967-3c9c-4a39-b538-7e6c0574d83d" providerId="ADAL" clId="{B0EC83BE-3AC5-42EC-8408-8B0ACB640EA4}" dt="2022-08-06T13:48:57.218" v="10420" actId="478"/>
          <ac:inkMkLst>
            <pc:docMk/>
            <pc:sldMk cId="2217868022" sldId="546"/>
            <ac:inkMk id="75" creationId="{84B7D3F6-820B-E3FD-5D5E-3FCF143E1224}"/>
          </ac:inkMkLst>
        </pc:inkChg>
        <pc:inkChg chg="del">
          <ac:chgData name="Matias Vázquez Piñón" userId="2f86a967-3c9c-4a39-b538-7e6c0574d83d" providerId="ADAL" clId="{B0EC83BE-3AC5-42EC-8408-8B0ACB640EA4}" dt="2022-08-06T13:48:57.218" v="10420" actId="478"/>
          <ac:inkMkLst>
            <pc:docMk/>
            <pc:sldMk cId="2217868022" sldId="546"/>
            <ac:inkMk id="84" creationId="{ECC67415-7B39-02F0-8C8F-88BEFE307C34}"/>
          </ac:inkMkLst>
        </pc:inkChg>
        <pc:inkChg chg="del">
          <ac:chgData name="Matias Vázquez Piñón" userId="2f86a967-3c9c-4a39-b538-7e6c0574d83d" providerId="ADAL" clId="{B0EC83BE-3AC5-42EC-8408-8B0ACB640EA4}" dt="2022-08-06T13:48:57.218" v="10420" actId="478"/>
          <ac:inkMkLst>
            <pc:docMk/>
            <pc:sldMk cId="2217868022" sldId="546"/>
            <ac:inkMk id="92" creationId="{6D2CBE39-CBC8-43FC-834B-EE991AE0CA04}"/>
          </ac:inkMkLst>
        </pc:inkChg>
        <pc:inkChg chg="del">
          <ac:chgData name="Matias Vázquez Piñón" userId="2f86a967-3c9c-4a39-b538-7e6c0574d83d" providerId="ADAL" clId="{B0EC83BE-3AC5-42EC-8408-8B0ACB640EA4}" dt="2022-08-06T13:48:57.218" v="10420" actId="478"/>
          <ac:inkMkLst>
            <pc:docMk/>
            <pc:sldMk cId="2217868022" sldId="546"/>
            <ac:inkMk id="93" creationId="{A85DD7B0-161F-47E0-CEEC-1B3EC9C16D1E}"/>
          </ac:inkMkLst>
        </pc:inkChg>
        <pc:inkChg chg="mod">
          <ac:chgData name="Matias Vázquez Piñón" userId="2f86a967-3c9c-4a39-b538-7e6c0574d83d" providerId="ADAL" clId="{B0EC83BE-3AC5-42EC-8408-8B0ACB640EA4}" dt="2022-08-06T13:49:34.350" v="10430"/>
          <ac:inkMkLst>
            <pc:docMk/>
            <pc:sldMk cId="2217868022" sldId="546"/>
            <ac:inkMk id="111" creationId="{6C441D5F-EFDC-82E9-87CB-C5D59B6E62A9}"/>
          </ac:inkMkLst>
        </pc:inkChg>
        <pc:inkChg chg="mod">
          <ac:chgData name="Matias Vázquez Piñón" userId="2f86a967-3c9c-4a39-b538-7e6c0574d83d" providerId="ADAL" clId="{B0EC83BE-3AC5-42EC-8408-8B0ACB640EA4}" dt="2022-08-06T13:49:34.350" v="10430"/>
          <ac:inkMkLst>
            <pc:docMk/>
            <pc:sldMk cId="2217868022" sldId="546"/>
            <ac:inkMk id="112" creationId="{2368F9CD-541B-056D-8734-EC46C19596B8}"/>
          </ac:inkMkLst>
        </pc:inkChg>
        <pc:inkChg chg="mod">
          <ac:chgData name="Matias Vázquez Piñón" userId="2f86a967-3c9c-4a39-b538-7e6c0574d83d" providerId="ADAL" clId="{B0EC83BE-3AC5-42EC-8408-8B0ACB640EA4}" dt="2022-08-06T13:49:34.350" v="10430"/>
          <ac:inkMkLst>
            <pc:docMk/>
            <pc:sldMk cId="2217868022" sldId="546"/>
            <ac:inkMk id="114" creationId="{B190D6F5-DEEE-522B-97C1-82237AD5900C}"/>
          </ac:inkMkLst>
        </pc:inkChg>
        <pc:inkChg chg="mod">
          <ac:chgData name="Matias Vázquez Piñón" userId="2f86a967-3c9c-4a39-b538-7e6c0574d83d" providerId="ADAL" clId="{B0EC83BE-3AC5-42EC-8408-8B0ACB640EA4}" dt="2022-08-06T13:49:34.350" v="10430"/>
          <ac:inkMkLst>
            <pc:docMk/>
            <pc:sldMk cId="2217868022" sldId="546"/>
            <ac:inkMk id="115" creationId="{D5E4FD5D-0E84-665B-64FB-CA3360E4CB50}"/>
          </ac:inkMkLst>
        </pc:inkChg>
        <pc:inkChg chg="add del mod">
          <ac:chgData name="Matias Vázquez Piñón" userId="2f86a967-3c9c-4a39-b538-7e6c0574d83d" providerId="ADAL" clId="{B0EC83BE-3AC5-42EC-8408-8B0ACB640EA4}" dt="2022-08-06T13:49:57.698" v="10434"/>
          <ac:inkMkLst>
            <pc:docMk/>
            <pc:sldMk cId="2217868022" sldId="546"/>
            <ac:inkMk id="125" creationId="{75548B10-2D31-16A2-9642-D5A26AE36F82}"/>
          </ac:inkMkLst>
        </pc:inkChg>
        <pc:inkChg chg="add del mod">
          <ac:chgData name="Matias Vázquez Piñón" userId="2f86a967-3c9c-4a39-b538-7e6c0574d83d" providerId="ADAL" clId="{B0EC83BE-3AC5-42EC-8408-8B0ACB640EA4}" dt="2022-08-06T13:49:57.698" v="10434"/>
          <ac:inkMkLst>
            <pc:docMk/>
            <pc:sldMk cId="2217868022" sldId="546"/>
            <ac:inkMk id="126" creationId="{AF8DE010-018C-DE01-CFAE-DBE666B8E1AB}"/>
          </ac:inkMkLst>
        </pc:inkChg>
        <pc:inkChg chg="add del mod">
          <ac:chgData name="Matias Vázquez Piñón" userId="2f86a967-3c9c-4a39-b538-7e6c0574d83d" providerId="ADAL" clId="{B0EC83BE-3AC5-42EC-8408-8B0ACB640EA4}" dt="2022-08-06T13:49:57.698" v="10434"/>
          <ac:inkMkLst>
            <pc:docMk/>
            <pc:sldMk cId="2217868022" sldId="546"/>
            <ac:inkMk id="127" creationId="{1EBA80ED-42F5-7F6A-F703-9BFF66007D40}"/>
          </ac:inkMkLst>
        </pc:inkChg>
        <pc:inkChg chg="add del mod">
          <ac:chgData name="Matias Vázquez Piñón" userId="2f86a967-3c9c-4a39-b538-7e6c0574d83d" providerId="ADAL" clId="{B0EC83BE-3AC5-42EC-8408-8B0ACB640EA4}" dt="2022-08-06T13:49:57.698" v="10434"/>
          <ac:inkMkLst>
            <pc:docMk/>
            <pc:sldMk cId="2217868022" sldId="546"/>
            <ac:inkMk id="128" creationId="{267A694D-2C29-2441-AA7C-71D0F2B73FDF}"/>
          </ac:inkMkLst>
        </pc:inkChg>
        <pc:inkChg chg="mod">
          <ac:chgData name="Matias Vázquez Piñón" userId="2f86a967-3c9c-4a39-b538-7e6c0574d83d" providerId="ADAL" clId="{B0EC83BE-3AC5-42EC-8408-8B0ACB640EA4}" dt="2022-08-06T13:49:55.162" v="10433"/>
          <ac:inkMkLst>
            <pc:docMk/>
            <pc:sldMk cId="2217868022" sldId="546"/>
            <ac:inkMk id="132" creationId="{656876C5-3C04-FD62-10FB-BD161325F804}"/>
          </ac:inkMkLst>
        </pc:inkChg>
        <pc:inkChg chg="mod">
          <ac:chgData name="Matias Vázquez Piñón" userId="2f86a967-3c9c-4a39-b538-7e6c0574d83d" providerId="ADAL" clId="{B0EC83BE-3AC5-42EC-8408-8B0ACB640EA4}" dt="2022-08-06T13:49:55.162" v="10433"/>
          <ac:inkMkLst>
            <pc:docMk/>
            <pc:sldMk cId="2217868022" sldId="546"/>
            <ac:inkMk id="133" creationId="{9305789C-520C-D312-8DE6-49565A95A220}"/>
          </ac:inkMkLst>
        </pc:inkChg>
        <pc:inkChg chg="mod">
          <ac:chgData name="Matias Vázquez Piñón" userId="2f86a967-3c9c-4a39-b538-7e6c0574d83d" providerId="ADAL" clId="{B0EC83BE-3AC5-42EC-8408-8B0ACB640EA4}" dt="2022-08-06T13:49:55.162" v="10433"/>
          <ac:inkMkLst>
            <pc:docMk/>
            <pc:sldMk cId="2217868022" sldId="546"/>
            <ac:inkMk id="135" creationId="{8DDF933D-04B5-DB64-2FA9-8BDC2BA54EE4}"/>
          </ac:inkMkLst>
        </pc:inkChg>
        <pc:inkChg chg="mod">
          <ac:chgData name="Matias Vázquez Piñón" userId="2f86a967-3c9c-4a39-b538-7e6c0574d83d" providerId="ADAL" clId="{B0EC83BE-3AC5-42EC-8408-8B0ACB640EA4}" dt="2022-08-06T13:49:55.162" v="10433"/>
          <ac:inkMkLst>
            <pc:docMk/>
            <pc:sldMk cId="2217868022" sldId="546"/>
            <ac:inkMk id="136" creationId="{BE1BEEF4-1161-F36E-C614-8E47A07D288D}"/>
          </ac:inkMkLst>
        </pc:inkChg>
        <pc:inkChg chg="add del mod">
          <ac:chgData name="Matias Vázquez Piñón" userId="2f86a967-3c9c-4a39-b538-7e6c0574d83d" providerId="ADAL" clId="{B0EC83BE-3AC5-42EC-8408-8B0ACB640EA4}" dt="2022-08-06T13:49:57.698" v="10434"/>
          <ac:inkMkLst>
            <pc:docMk/>
            <pc:sldMk cId="2217868022" sldId="546"/>
            <ac:inkMk id="137" creationId="{D5D24BDB-BD3D-5EF5-F703-9812F338DD75}"/>
          </ac:inkMkLst>
        </pc:inkChg>
        <pc:inkChg chg="mod">
          <ac:chgData name="Matias Vázquez Piñón" userId="2f86a967-3c9c-4a39-b538-7e6c0574d83d" providerId="ADAL" clId="{B0EC83BE-3AC5-42EC-8408-8B0ACB640EA4}" dt="2022-08-06T13:49:55.162" v="10433"/>
          <ac:inkMkLst>
            <pc:docMk/>
            <pc:sldMk cId="2217868022" sldId="546"/>
            <ac:inkMk id="139" creationId="{E7017B58-529B-4A56-55CA-E793E2A57335}"/>
          </ac:inkMkLst>
        </pc:inkChg>
        <pc:inkChg chg="mod">
          <ac:chgData name="Matias Vázquez Piñón" userId="2f86a967-3c9c-4a39-b538-7e6c0574d83d" providerId="ADAL" clId="{B0EC83BE-3AC5-42EC-8408-8B0ACB640EA4}" dt="2022-08-06T13:49:55.162" v="10433"/>
          <ac:inkMkLst>
            <pc:docMk/>
            <pc:sldMk cId="2217868022" sldId="546"/>
            <ac:inkMk id="140" creationId="{57EB1B9D-449A-DC06-2D5F-F8B653EB4FA7}"/>
          </ac:inkMkLst>
        </pc:inkChg>
        <pc:inkChg chg="mod">
          <ac:chgData name="Matias Vázquez Piñón" userId="2f86a967-3c9c-4a39-b538-7e6c0574d83d" providerId="ADAL" clId="{B0EC83BE-3AC5-42EC-8408-8B0ACB640EA4}" dt="2022-08-06T13:49:55.162" v="10433"/>
          <ac:inkMkLst>
            <pc:docMk/>
            <pc:sldMk cId="2217868022" sldId="546"/>
            <ac:inkMk id="141" creationId="{A1AAAF52-D5FB-A093-79C7-3AC5ACA1C147}"/>
          </ac:inkMkLst>
        </pc:inkChg>
        <pc:inkChg chg="mod">
          <ac:chgData name="Matias Vázquez Piñón" userId="2f86a967-3c9c-4a39-b538-7e6c0574d83d" providerId="ADAL" clId="{B0EC83BE-3AC5-42EC-8408-8B0ACB640EA4}" dt="2022-08-06T13:49:55.162" v="10433"/>
          <ac:inkMkLst>
            <pc:docMk/>
            <pc:sldMk cId="2217868022" sldId="546"/>
            <ac:inkMk id="143" creationId="{A37AFCC8-D974-5F86-F3D5-4F3086ACFBBF}"/>
          </ac:inkMkLst>
        </pc:inkChg>
        <pc:inkChg chg="mod">
          <ac:chgData name="Matias Vázquez Piñón" userId="2f86a967-3c9c-4a39-b538-7e6c0574d83d" providerId="ADAL" clId="{B0EC83BE-3AC5-42EC-8408-8B0ACB640EA4}" dt="2022-08-06T13:49:55.162" v="10433"/>
          <ac:inkMkLst>
            <pc:docMk/>
            <pc:sldMk cId="2217868022" sldId="546"/>
            <ac:inkMk id="144" creationId="{DE816449-0088-31D1-1D82-55507599340D}"/>
          </ac:inkMkLst>
        </pc:inkChg>
        <pc:inkChg chg="add del mod">
          <ac:chgData name="Matias Vázquez Piñón" userId="2f86a967-3c9c-4a39-b538-7e6c0574d83d" providerId="ADAL" clId="{B0EC83BE-3AC5-42EC-8408-8B0ACB640EA4}" dt="2022-08-06T13:49:57.698" v="10434"/>
          <ac:inkMkLst>
            <pc:docMk/>
            <pc:sldMk cId="2217868022" sldId="546"/>
            <ac:inkMk id="145" creationId="{5D2B813B-3843-9D28-AC27-A8F9F0C49356}"/>
          </ac:inkMkLst>
        </pc:inkChg>
        <pc:inkChg chg="add del mod">
          <ac:chgData name="Matias Vázquez Piñón" userId="2f86a967-3c9c-4a39-b538-7e6c0574d83d" providerId="ADAL" clId="{B0EC83BE-3AC5-42EC-8408-8B0ACB640EA4}" dt="2022-08-06T13:49:57.698" v="10434"/>
          <ac:inkMkLst>
            <pc:docMk/>
            <pc:sldMk cId="2217868022" sldId="546"/>
            <ac:inkMk id="146" creationId="{A93C0E43-99C6-578B-BA9C-3DF69D1AD983}"/>
          </ac:inkMkLst>
        </pc:inkChg>
        <pc:inkChg chg="mod">
          <ac:chgData name="Matias Vázquez Piñón" userId="2f86a967-3c9c-4a39-b538-7e6c0574d83d" providerId="ADAL" clId="{B0EC83BE-3AC5-42EC-8408-8B0ACB640EA4}" dt="2022-08-06T13:49:55.162" v="10433"/>
          <ac:inkMkLst>
            <pc:docMk/>
            <pc:sldMk cId="2217868022" sldId="546"/>
            <ac:inkMk id="148" creationId="{87716C8B-DF70-D589-2271-0C00ECECD11F}"/>
          </ac:inkMkLst>
        </pc:inkChg>
        <pc:inkChg chg="mod">
          <ac:chgData name="Matias Vázquez Piñón" userId="2f86a967-3c9c-4a39-b538-7e6c0574d83d" providerId="ADAL" clId="{B0EC83BE-3AC5-42EC-8408-8B0ACB640EA4}" dt="2022-08-06T13:49:55.162" v="10433"/>
          <ac:inkMkLst>
            <pc:docMk/>
            <pc:sldMk cId="2217868022" sldId="546"/>
            <ac:inkMk id="149" creationId="{4EDF21B0-24E3-30D6-BF98-A7591FB5DAF4}"/>
          </ac:inkMkLst>
        </pc:inkChg>
      </pc:sldChg>
      <pc:sldChg chg="add del">
        <pc:chgData name="Matias Vázquez Piñón" userId="2f86a967-3c9c-4a39-b538-7e6c0574d83d" providerId="ADAL" clId="{B0EC83BE-3AC5-42EC-8408-8B0ACB640EA4}" dt="2022-07-27T21:26:03.723" v="9001"/>
        <pc:sldMkLst>
          <pc:docMk/>
          <pc:sldMk cId="4034353220" sldId="546"/>
        </pc:sldMkLst>
      </pc:sldChg>
      <pc:sldChg chg="addSp delSp modSp new del mod chgLayout">
        <pc:chgData name="Matias Vázquez Piñón" userId="2f86a967-3c9c-4a39-b538-7e6c0574d83d" providerId="ADAL" clId="{B0EC83BE-3AC5-42EC-8408-8B0ACB640EA4}" dt="2022-08-06T13:55:07.343" v="10468" actId="47"/>
        <pc:sldMkLst>
          <pc:docMk/>
          <pc:sldMk cId="3498179544" sldId="547"/>
        </pc:sldMkLst>
        <pc:spChg chg="mod ord">
          <ac:chgData name="Matias Vázquez Piñón" userId="2f86a967-3c9c-4a39-b538-7e6c0574d83d" providerId="ADAL" clId="{B0EC83BE-3AC5-42EC-8408-8B0ACB640EA4}" dt="2022-08-06T13:12:32.639" v="9826" actId="700"/>
          <ac:spMkLst>
            <pc:docMk/>
            <pc:sldMk cId="3498179544" sldId="547"/>
            <ac:spMk id="2" creationId="{B67F6CA3-AA8A-2337-EF6A-31BD77A2EA92}"/>
          </ac:spMkLst>
        </pc:spChg>
        <pc:spChg chg="del mod">
          <ac:chgData name="Matias Vázquez Piñón" userId="2f86a967-3c9c-4a39-b538-7e6c0574d83d" providerId="ADAL" clId="{B0EC83BE-3AC5-42EC-8408-8B0ACB640EA4}" dt="2022-08-06T12:57:06.567" v="9269" actId="1032"/>
          <ac:spMkLst>
            <pc:docMk/>
            <pc:sldMk cId="3498179544" sldId="547"/>
            <ac:spMk id="3" creationId="{321ACEC3-6BCB-A2E7-3DEE-89117D4811D5}"/>
          </ac:spMkLst>
        </pc:spChg>
        <pc:spChg chg="del">
          <ac:chgData name="Matias Vázquez Piñón" userId="2f86a967-3c9c-4a39-b538-7e6c0574d83d" providerId="ADAL" clId="{B0EC83BE-3AC5-42EC-8408-8B0ACB640EA4}" dt="2022-08-06T12:54:29.311" v="9112" actId="1032"/>
          <ac:spMkLst>
            <pc:docMk/>
            <pc:sldMk cId="3498179544" sldId="547"/>
            <ac:spMk id="4" creationId="{E9A78E96-FECD-0E78-7B5A-C89FDCE22108}"/>
          </ac:spMkLst>
        </pc:spChg>
        <pc:spChg chg="mod ord">
          <ac:chgData name="Matias Vázquez Piñón" userId="2f86a967-3c9c-4a39-b538-7e6c0574d83d" providerId="ADAL" clId="{B0EC83BE-3AC5-42EC-8408-8B0ACB640EA4}" dt="2022-08-06T13:12:32.639" v="9826" actId="700"/>
          <ac:spMkLst>
            <pc:docMk/>
            <pc:sldMk cId="3498179544" sldId="547"/>
            <ac:spMk id="5" creationId="{B5B090CA-BE4E-9B68-31F1-B2CC3775E78B}"/>
          </ac:spMkLst>
        </pc:spChg>
        <pc:spChg chg="add del mod ord">
          <ac:chgData name="Matias Vázquez Piñón" userId="2f86a967-3c9c-4a39-b538-7e6c0574d83d" providerId="ADAL" clId="{B0EC83BE-3AC5-42EC-8408-8B0ACB640EA4}" dt="2022-08-06T13:12:29.279" v="9825" actId="700"/>
          <ac:spMkLst>
            <pc:docMk/>
            <pc:sldMk cId="3498179544" sldId="547"/>
            <ac:spMk id="8" creationId="{EC35EFBD-65B1-6A74-9683-A50B2525A011}"/>
          </ac:spMkLst>
        </pc:spChg>
        <pc:spChg chg="add del mod ord">
          <ac:chgData name="Matias Vázquez Piñón" userId="2f86a967-3c9c-4a39-b538-7e6c0574d83d" providerId="ADAL" clId="{B0EC83BE-3AC5-42EC-8408-8B0ACB640EA4}" dt="2022-08-06T13:12:32.639" v="9826" actId="700"/>
          <ac:spMkLst>
            <pc:docMk/>
            <pc:sldMk cId="3498179544" sldId="547"/>
            <ac:spMk id="10" creationId="{EE36A9A2-AD30-1876-1CCD-8BC7233D8E83}"/>
          </ac:spMkLst>
        </pc:spChg>
        <pc:spChg chg="add mod">
          <ac:chgData name="Matias Vázquez Piñón" userId="2f86a967-3c9c-4a39-b538-7e6c0574d83d" providerId="ADAL" clId="{B0EC83BE-3AC5-42EC-8408-8B0ACB640EA4}" dt="2022-08-06T13:21:44.210" v="10004"/>
          <ac:spMkLst>
            <pc:docMk/>
            <pc:sldMk cId="3498179544" sldId="547"/>
            <ac:spMk id="12" creationId="{090DD3A9-5D53-D6F9-1053-9CBB45DF5C0E}"/>
          </ac:spMkLst>
        </pc:spChg>
        <pc:spChg chg="add mod">
          <ac:chgData name="Matias Vázquez Piñón" userId="2f86a967-3c9c-4a39-b538-7e6c0574d83d" providerId="ADAL" clId="{B0EC83BE-3AC5-42EC-8408-8B0ACB640EA4}" dt="2022-08-06T13:33:48.093" v="10305" actId="6549"/>
          <ac:spMkLst>
            <pc:docMk/>
            <pc:sldMk cId="3498179544" sldId="547"/>
            <ac:spMk id="13" creationId="{FD433AC3-D343-68BE-E006-DB86F2455750}"/>
          </ac:spMkLst>
        </pc:spChg>
        <pc:spChg chg="mod">
          <ac:chgData name="Matias Vázquez Piñón" userId="2f86a967-3c9c-4a39-b538-7e6c0574d83d" providerId="ADAL" clId="{B0EC83BE-3AC5-42EC-8408-8B0ACB640EA4}" dt="2022-08-06T13:22:00.082" v="10018"/>
          <ac:spMkLst>
            <pc:docMk/>
            <pc:sldMk cId="3498179544" sldId="547"/>
            <ac:spMk id="15" creationId="{1FE38418-DEBD-36F6-C462-312904BCDEC6}"/>
          </ac:spMkLst>
        </pc:spChg>
        <pc:spChg chg="mod">
          <ac:chgData name="Matias Vázquez Piñón" userId="2f86a967-3c9c-4a39-b538-7e6c0574d83d" providerId="ADAL" clId="{B0EC83BE-3AC5-42EC-8408-8B0ACB640EA4}" dt="2022-08-06T13:22:11.867" v="10028" actId="20577"/>
          <ac:spMkLst>
            <pc:docMk/>
            <pc:sldMk cId="3498179544" sldId="547"/>
            <ac:spMk id="16" creationId="{8A872EF9-9339-D88B-105B-8A9FEDF8431B}"/>
          </ac:spMkLst>
        </pc:spChg>
        <pc:spChg chg="add del mod">
          <ac:chgData name="Matias Vázquez Piñón" userId="2f86a967-3c9c-4a39-b538-7e6c0574d83d" providerId="ADAL" clId="{B0EC83BE-3AC5-42EC-8408-8B0ACB640EA4}" dt="2022-08-06T13:33:51.978" v="10308" actId="478"/>
          <ac:spMkLst>
            <pc:docMk/>
            <pc:sldMk cId="3498179544" sldId="547"/>
            <ac:spMk id="17" creationId="{CDA2261D-F1BA-A5F0-15C9-7B5658BC382F}"/>
          </ac:spMkLst>
        </pc:spChg>
        <pc:spChg chg="add del mod">
          <ac:chgData name="Matias Vázquez Piñón" userId="2f86a967-3c9c-4a39-b538-7e6c0574d83d" providerId="ADAL" clId="{B0EC83BE-3AC5-42EC-8408-8B0ACB640EA4}" dt="2022-08-06T13:33:51.282" v="10307" actId="478"/>
          <ac:spMkLst>
            <pc:docMk/>
            <pc:sldMk cId="3498179544" sldId="547"/>
            <ac:spMk id="18" creationId="{45DF6760-7605-C499-9248-B6581E5FEC8C}"/>
          </ac:spMkLst>
        </pc:spChg>
        <pc:grpChg chg="add del mod">
          <ac:chgData name="Matias Vázquez Piñón" userId="2f86a967-3c9c-4a39-b538-7e6c0574d83d" providerId="ADAL" clId="{B0EC83BE-3AC5-42EC-8408-8B0ACB640EA4}" dt="2022-08-06T13:33:52.761" v="10309" actId="478"/>
          <ac:grpSpMkLst>
            <pc:docMk/>
            <pc:sldMk cId="3498179544" sldId="547"/>
            <ac:grpSpMk id="11" creationId="{E6F53FED-5461-AC69-8DB7-88C7E334044B}"/>
          </ac:grpSpMkLst>
        </pc:grpChg>
        <pc:grpChg chg="add del mod">
          <ac:chgData name="Matias Vázquez Piñón" userId="2f86a967-3c9c-4a39-b538-7e6c0574d83d" providerId="ADAL" clId="{B0EC83BE-3AC5-42EC-8408-8B0ACB640EA4}" dt="2022-08-06T13:33:50.449" v="10306" actId="478"/>
          <ac:grpSpMkLst>
            <pc:docMk/>
            <pc:sldMk cId="3498179544" sldId="547"/>
            <ac:grpSpMk id="14" creationId="{5B3BB6B6-9700-54F1-8BA9-490C1C25A147}"/>
          </ac:grpSpMkLst>
        </pc:grpChg>
        <pc:graphicFrameChg chg="add del mod modGraphic">
          <ac:chgData name="Matias Vázquez Piñón" userId="2f86a967-3c9c-4a39-b538-7e6c0574d83d" providerId="ADAL" clId="{B0EC83BE-3AC5-42EC-8408-8B0ACB640EA4}" dt="2022-08-06T12:56:54.901" v="9267" actId="478"/>
          <ac:graphicFrameMkLst>
            <pc:docMk/>
            <pc:sldMk cId="3498179544" sldId="547"/>
            <ac:graphicFrameMk id="6" creationId="{AF8A6697-073A-71D9-F9A7-A766A3323AF5}"/>
          </ac:graphicFrameMkLst>
        </pc:graphicFrameChg>
        <pc:graphicFrameChg chg="add mod ord modGraphic">
          <ac:chgData name="Matias Vázquez Piñón" userId="2f86a967-3c9c-4a39-b538-7e6c0574d83d" providerId="ADAL" clId="{B0EC83BE-3AC5-42EC-8408-8B0ACB640EA4}" dt="2022-08-06T13:36:08.564" v="10351" actId="20577"/>
          <ac:graphicFrameMkLst>
            <pc:docMk/>
            <pc:sldMk cId="3498179544" sldId="547"/>
            <ac:graphicFrameMk id="9" creationId="{D4A2BC5D-D4A2-BC11-67BF-CA0677ED6FB5}"/>
          </ac:graphicFrameMkLst>
        </pc:graphicFrameChg>
      </pc:sldChg>
      <pc:sldChg chg="addSp delSp modSp add mod ord chgLayout">
        <pc:chgData name="Matias Vázquez Piñón" userId="2f86a967-3c9c-4a39-b538-7e6c0574d83d" providerId="ADAL" clId="{B0EC83BE-3AC5-42EC-8408-8B0ACB640EA4}" dt="2022-08-08T17:12:46.205" v="14170"/>
        <pc:sldMkLst>
          <pc:docMk/>
          <pc:sldMk cId="2544200577" sldId="548"/>
        </pc:sldMkLst>
        <pc:spChg chg="mod ord">
          <ac:chgData name="Matias Vázquez Piñón" userId="2f86a967-3c9c-4a39-b538-7e6c0574d83d" providerId="ADAL" clId="{B0EC83BE-3AC5-42EC-8408-8B0ACB640EA4}" dt="2022-08-06T13:46:03.720" v="10387" actId="20577"/>
          <ac:spMkLst>
            <pc:docMk/>
            <pc:sldMk cId="2544200577" sldId="548"/>
            <ac:spMk id="2" creationId="{0760B2BA-9B4F-3C54-BE9A-BC10E5565DA9}"/>
          </ac:spMkLst>
        </pc:spChg>
        <pc:spChg chg="add del mod">
          <ac:chgData name="Matias Vázquez Piñón" userId="2f86a967-3c9c-4a39-b538-7e6c0574d83d" providerId="ADAL" clId="{B0EC83BE-3AC5-42EC-8408-8B0ACB640EA4}" dt="2022-08-06T13:37:15.522" v="10358" actId="700"/>
          <ac:spMkLst>
            <pc:docMk/>
            <pc:sldMk cId="2544200577" sldId="548"/>
            <ac:spMk id="4" creationId="{8A4B7FAE-5DD6-2C22-AA0E-26BA572DBA25}"/>
          </ac:spMkLst>
        </pc:spChg>
        <pc:spChg chg="mod ord">
          <ac:chgData name="Matias Vázquez Piñón" userId="2f86a967-3c9c-4a39-b538-7e6c0574d83d" providerId="ADAL" clId="{B0EC83BE-3AC5-42EC-8408-8B0ACB640EA4}" dt="2022-08-06T13:37:15.522" v="10358" actId="700"/>
          <ac:spMkLst>
            <pc:docMk/>
            <pc:sldMk cId="2544200577" sldId="548"/>
            <ac:spMk id="5" creationId="{CF401781-C33A-7CE5-5BB7-F99093C306C5}"/>
          </ac:spMkLst>
        </pc:spChg>
        <pc:spChg chg="add del mod ord">
          <ac:chgData name="Matias Vázquez Piñón" userId="2f86a967-3c9c-4a39-b538-7e6c0574d83d" providerId="ADAL" clId="{B0EC83BE-3AC5-42EC-8408-8B0ACB640EA4}" dt="2022-08-06T13:37:19.730" v="10359"/>
          <ac:spMkLst>
            <pc:docMk/>
            <pc:sldMk cId="2544200577" sldId="548"/>
            <ac:spMk id="6" creationId="{836CB819-A863-16A7-7BFA-AED67E8EDA5C}"/>
          </ac:spMkLst>
        </pc:spChg>
        <pc:spChg chg="del">
          <ac:chgData name="Matias Vázquez Piñón" userId="2f86a967-3c9c-4a39-b538-7e6c0574d83d" providerId="ADAL" clId="{B0EC83BE-3AC5-42EC-8408-8B0ACB640EA4}" dt="2022-08-06T13:37:10.581" v="10357" actId="478"/>
          <ac:spMkLst>
            <pc:docMk/>
            <pc:sldMk cId="2544200577" sldId="548"/>
            <ac:spMk id="38" creationId="{E9226D8A-587E-121B-A48E-0E7EF9B3980D}"/>
          </ac:spMkLst>
        </pc:spChg>
        <pc:grpChg chg="del mod">
          <ac:chgData name="Matias Vázquez Piñón" userId="2f86a967-3c9c-4a39-b538-7e6c0574d83d" providerId="ADAL" clId="{B0EC83BE-3AC5-42EC-8408-8B0ACB640EA4}" dt="2022-08-08T17:10:53.067" v="14149" actId="478"/>
          <ac:grpSpMkLst>
            <pc:docMk/>
            <pc:sldMk cId="2544200577" sldId="548"/>
            <ac:grpSpMk id="8" creationId="{B8DCD7B5-45AF-9FFE-6E64-A19029F83753}"/>
          </ac:grpSpMkLst>
        </pc:grpChg>
        <pc:grpChg chg="del mod">
          <ac:chgData name="Matias Vázquez Piñón" userId="2f86a967-3c9c-4a39-b538-7e6c0574d83d" providerId="ADAL" clId="{B0EC83BE-3AC5-42EC-8408-8B0ACB640EA4}" dt="2022-08-08T17:12:31.263" v="14156"/>
          <ac:grpSpMkLst>
            <pc:docMk/>
            <pc:sldMk cId="2544200577" sldId="548"/>
            <ac:grpSpMk id="12" creationId="{E8B896E5-9146-B6C4-FF77-F0DB918468B4}"/>
          </ac:grpSpMkLst>
        </pc:grpChg>
        <pc:grpChg chg="del mod">
          <ac:chgData name="Matias Vázquez Piñón" userId="2f86a967-3c9c-4a39-b538-7e6c0574d83d" providerId="ADAL" clId="{B0EC83BE-3AC5-42EC-8408-8B0ACB640EA4}" dt="2022-08-08T17:12:45.213" v="14167"/>
          <ac:grpSpMkLst>
            <pc:docMk/>
            <pc:sldMk cId="2544200577" sldId="548"/>
            <ac:grpSpMk id="15" creationId="{36EABB71-B66A-CF16-C4E2-630EE576305A}"/>
          </ac:grpSpMkLst>
        </pc:grpChg>
        <pc:grpChg chg="del mod">
          <ac:chgData name="Matias Vázquez Piñón" userId="2f86a967-3c9c-4a39-b538-7e6c0574d83d" providerId="ADAL" clId="{B0EC83BE-3AC5-42EC-8408-8B0ACB640EA4}" dt="2022-08-08T17:12:42.060" v="14162"/>
          <ac:grpSpMkLst>
            <pc:docMk/>
            <pc:sldMk cId="2544200577" sldId="548"/>
            <ac:grpSpMk id="20" creationId="{E741DCD1-2630-95DA-A9B2-A8C2DCAA60E1}"/>
          </ac:grpSpMkLst>
        </pc:grpChg>
        <pc:grpChg chg="del mod">
          <ac:chgData name="Matias Vázquez Piñón" userId="2f86a967-3c9c-4a39-b538-7e6c0574d83d" providerId="ADAL" clId="{B0EC83BE-3AC5-42EC-8408-8B0ACB640EA4}" dt="2022-08-08T17:12:45.706" v="14169"/>
          <ac:grpSpMkLst>
            <pc:docMk/>
            <pc:sldMk cId="2544200577" sldId="548"/>
            <ac:grpSpMk id="22" creationId="{CF40AB2A-3035-65C0-67C6-811CB91C420B}"/>
          </ac:grpSpMkLst>
        </pc:grpChg>
        <pc:graphicFrameChg chg="mod ord">
          <ac:chgData name="Matias Vázquez Piñón" userId="2f86a967-3c9c-4a39-b538-7e6c0574d83d" providerId="ADAL" clId="{B0EC83BE-3AC5-42EC-8408-8B0ACB640EA4}" dt="2022-08-06T21:20:28.703" v="11919"/>
          <ac:graphicFrameMkLst>
            <pc:docMk/>
            <pc:sldMk cId="2544200577" sldId="548"/>
            <ac:graphicFrameMk id="14" creationId="{FADC8B9A-D832-5C58-4E95-0A3295F81E94}"/>
          </ac:graphicFrameMkLst>
        </pc:graphicFrameChg>
        <pc:graphicFrameChg chg="add mod modGraphic">
          <ac:chgData name="Matias Vázquez Piñón" userId="2f86a967-3c9c-4a39-b538-7e6c0574d83d" providerId="ADAL" clId="{B0EC83BE-3AC5-42EC-8408-8B0ACB640EA4}" dt="2022-08-07T18:32:46.296" v="13498" actId="20577"/>
          <ac:graphicFrameMkLst>
            <pc:docMk/>
            <pc:sldMk cId="2544200577" sldId="548"/>
            <ac:graphicFrameMk id="16" creationId="{1E23D4D9-90B5-60DC-FF8A-A21A7F0A59BC}"/>
          </ac:graphicFrameMkLst>
        </pc:graphicFrameChg>
        <pc:graphicFrameChg chg="del">
          <ac:chgData name="Matias Vázquez Piñón" userId="2f86a967-3c9c-4a39-b538-7e6c0574d83d" providerId="ADAL" clId="{B0EC83BE-3AC5-42EC-8408-8B0ACB640EA4}" dt="2022-08-06T13:37:03.466" v="10353" actId="478"/>
          <ac:graphicFrameMkLst>
            <pc:docMk/>
            <pc:sldMk cId="2544200577" sldId="548"/>
            <ac:graphicFrameMk id="32" creationId="{6E47517F-23BE-A266-BD14-66BB244AB810}"/>
          </ac:graphicFrameMkLst>
        </pc:graphicFrameChg>
        <pc:picChg chg="add del mod">
          <ac:chgData name="Matias Vázquez Piñón" userId="2f86a967-3c9c-4a39-b538-7e6c0574d83d" providerId="ADAL" clId="{B0EC83BE-3AC5-42EC-8408-8B0ACB640EA4}" dt="2022-08-06T21:20:14.782" v="11914" actId="478"/>
          <ac:picMkLst>
            <pc:docMk/>
            <pc:sldMk cId="2544200577" sldId="548"/>
            <ac:picMk id="4" creationId="{85D80D2F-22CF-40A4-D71F-B1DBBA3E41DF}"/>
          </ac:picMkLst>
        </pc:picChg>
        <pc:picChg chg="add del mod">
          <ac:chgData name="Matias Vázquez Piñón" userId="2f86a967-3c9c-4a39-b538-7e6c0574d83d" providerId="ADAL" clId="{B0EC83BE-3AC5-42EC-8408-8B0ACB640EA4}" dt="2022-08-06T21:20:24.069" v="11917" actId="21"/>
          <ac:picMkLst>
            <pc:docMk/>
            <pc:sldMk cId="2544200577" sldId="548"/>
            <ac:picMk id="7" creationId="{F1D38EC4-F0F2-73F0-3638-C5B460796129}"/>
          </ac:picMkLst>
        </pc:picChg>
        <pc:picChg chg="del mod">
          <ac:chgData name="Matias Vázquez Piñón" userId="2f86a967-3c9c-4a39-b538-7e6c0574d83d" providerId="ADAL" clId="{B0EC83BE-3AC5-42EC-8408-8B0ACB640EA4}" dt="2022-08-06T13:37:08.880" v="10356" actId="478"/>
          <ac:picMkLst>
            <pc:docMk/>
            <pc:sldMk cId="2544200577" sldId="548"/>
            <ac:picMk id="33" creationId="{7B00AC28-B481-5C45-38C9-E4001416A5BA}"/>
          </ac:picMkLst>
        </pc:picChg>
        <pc:picChg chg="del">
          <ac:chgData name="Matias Vázquez Piñón" userId="2f86a967-3c9c-4a39-b538-7e6c0574d83d" providerId="ADAL" clId="{B0EC83BE-3AC5-42EC-8408-8B0ACB640EA4}" dt="2022-08-06T13:37:07.083" v="10354" actId="478"/>
          <ac:picMkLst>
            <pc:docMk/>
            <pc:sldMk cId="2544200577" sldId="548"/>
            <ac:picMk id="34" creationId="{6ECDB699-DBFD-23F4-6B4C-9E1698078D7A}"/>
          </ac:picMkLst>
        </pc:picChg>
        <pc:picChg chg="del">
          <ac:chgData name="Matias Vázquez Piñón" userId="2f86a967-3c9c-4a39-b538-7e6c0574d83d" providerId="ADAL" clId="{B0EC83BE-3AC5-42EC-8408-8B0ACB640EA4}" dt="2022-08-06T13:37:07.083" v="10354" actId="478"/>
          <ac:picMkLst>
            <pc:docMk/>
            <pc:sldMk cId="2544200577" sldId="548"/>
            <ac:picMk id="35" creationId="{32E5F2AE-D37D-F42E-0205-548EBD619768}"/>
          </ac:picMkLst>
        </pc:picChg>
        <pc:picChg chg="del">
          <ac:chgData name="Matias Vázquez Piñón" userId="2f86a967-3c9c-4a39-b538-7e6c0574d83d" providerId="ADAL" clId="{B0EC83BE-3AC5-42EC-8408-8B0ACB640EA4}" dt="2022-08-06T13:37:07.083" v="10354" actId="478"/>
          <ac:picMkLst>
            <pc:docMk/>
            <pc:sldMk cId="2544200577" sldId="548"/>
            <ac:picMk id="36" creationId="{4F409032-A63A-5660-81E9-27ACD78F1630}"/>
          </ac:picMkLst>
        </pc:picChg>
        <pc:picChg chg="del">
          <ac:chgData name="Matias Vázquez Piñón" userId="2f86a967-3c9c-4a39-b538-7e6c0574d83d" providerId="ADAL" clId="{B0EC83BE-3AC5-42EC-8408-8B0ACB640EA4}" dt="2022-08-06T13:37:07.083" v="10354" actId="478"/>
          <ac:picMkLst>
            <pc:docMk/>
            <pc:sldMk cId="2544200577" sldId="548"/>
            <ac:picMk id="37" creationId="{ADDCCCB8-DA19-A1E4-9047-0838FAD31F61}"/>
          </ac:picMkLst>
        </pc:picChg>
        <pc:inkChg chg="add del mod">
          <ac:chgData name="Matias Vázquez Piñón" userId="2f86a967-3c9c-4a39-b538-7e6c0574d83d" providerId="ADAL" clId="{B0EC83BE-3AC5-42EC-8408-8B0ACB640EA4}" dt="2022-08-08T17:10:55.397" v="14150" actId="478"/>
          <ac:inkMkLst>
            <pc:docMk/>
            <pc:sldMk cId="2544200577" sldId="548"/>
            <ac:inkMk id="3" creationId="{60881CDE-9A10-EA85-544F-EBFC480421A5}"/>
          </ac:inkMkLst>
        </pc:inkChg>
        <pc:inkChg chg="add mod">
          <ac:chgData name="Matias Vázquez Piñón" userId="2f86a967-3c9c-4a39-b538-7e6c0574d83d" providerId="ADAL" clId="{B0EC83BE-3AC5-42EC-8408-8B0ACB640EA4}" dt="2022-08-08T17:10:46.751" v="14147"/>
          <ac:inkMkLst>
            <pc:docMk/>
            <pc:sldMk cId="2544200577" sldId="548"/>
            <ac:inkMk id="4" creationId="{4F62B46B-6349-D4A9-B13B-D5303544240D}"/>
          </ac:inkMkLst>
        </pc:inkChg>
        <pc:inkChg chg="add mod">
          <ac:chgData name="Matias Vázquez Piñón" userId="2f86a967-3c9c-4a39-b538-7e6c0574d83d" providerId="ADAL" clId="{B0EC83BE-3AC5-42EC-8408-8B0ACB640EA4}" dt="2022-08-08T17:10:46.751" v="14147"/>
          <ac:inkMkLst>
            <pc:docMk/>
            <pc:sldMk cId="2544200577" sldId="548"/>
            <ac:inkMk id="6" creationId="{DC2414B9-CE45-046D-918F-BD7906AE52A2}"/>
          </ac:inkMkLst>
        </pc:inkChg>
        <pc:inkChg chg="add mod">
          <ac:chgData name="Matias Vázquez Piñón" userId="2f86a967-3c9c-4a39-b538-7e6c0574d83d" providerId="ADAL" clId="{B0EC83BE-3AC5-42EC-8408-8B0ACB640EA4}" dt="2022-08-08T17:10:46.751" v="14147"/>
          <ac:inkMkLst>
            <pc:docMk/>
            <pc:sldMk cId="2544200577" sldId="548"/>
            <ac:inkMk id="7" creationId="{EF7993FA-EF44-9B1C-A9F2-8DABFFB9571A}"/>
          </ac:inkMkLst>
        </pc:inkChg>
        <pc:inkChg chg="add del mod">
          <ac:chgData name="Matias Vázquez Piñón" userId="2f86a967-3c9c-4a39-b538-7e6c0574d83d" providerId="ADAL" clId="{B0EC83BE-3AC5-42EC-8408-8B0ACB640EA4}" dt="2022-08-08T17:12:45.213" v="14165"/>
          <ac:inkMkLst>
            <pc:docMk/>
            <pc:sldMk cId="2544200577" sldId="548"/>
            <ac:inkMk id="9" creationId="{C095E6EB-E3FB-7F30-73EB-8A74AB983911}"/>
          </ac:inkMkLst>
        </pc:inkChg>
        <pc:inkChg chg="add del mod">
          <ac:chgData name="Matias Vázquez Piñón" userId="2f86a967-3c9c-4a39-b538-7e6c0574d83d" providerId="ADAL" clId="{B0EC83BE-3AC5-42EC-8408-8B0ACB640EA4}" dt="2022-08-08T17:12:45.213" v="14166"/>
          <ac:inkMkLst>
            <pc:docMk/>
            <pc:sldMk cId="2544200577" sldId="548"/>
            <ac:inkMk id="10" creationId="{4FC7CB21-80A9-2124-F531-986B799C5020}"/>
          </ac:inkMkLst>
        </pc:inkChg>
        <pc:inkChg chg="add del mod">
          <ac:chgData name="Matias Vázquez Piñón" userId="2f86a967-3c9c-4a39-b538-7e6c0574d83d" providerId="ADAL" clId="{B0EC83BE-3AC5-42EC-8408-8B0ACB640EA4}" dt="2022-08-08T17:12:45.213" v="14168"/>
          <ac:inkMkLst>
            <pc:docMk/>
            <pc:sldMk cId="2544200577" sldId="548"/>
            <ac:inkMk id="11" creationId="{63F48EEA-6B7A-DDDD-B8FC-61887BD77605}"/>
          </ac:inkMkLst>
        </pc:inkChg>
        <pc:inkChg chg="add del mod">
          <ac:chgData name="Matias Vázquez Piñón" userId="2f86a967-3c9c-4a39-b538-7e6c0574d83d" providerId="ADAL" clId="{B0EC83BE-3AC5-42EC-8408-8B0ACB640EA4}" dt="2022-08-08T17:12:45.213" v="14167"/>
          <ac:inkMkLst>
            <pc:docMk/>
            <pc:sldMk cId="2544200577" sldId="548"/>
            <ac:inkMk id="13" creationId="{349128E9-670D-A6E5-3307-102A5BD9510F}"/>
          </ac:inkMkLst>
        </pc:inkChg>
        <pc:inkChg chg="add del mod">
          <ac:chgData name="Matias Vázquez Piñón" userId="2f86a967-3c9c-4a39-b538-7e6c0574d83d" providerId="ADAL" clId="{B0EC83BE-3AC5-42EC-8408-8B0ACB640EA4}" dt="2022-08-08T17:12:46.205" v="14170"/>
          <ac:inkMkLst>
            <pc:docMk/>
            <pc:sldMk cId="2544200577" sldId="548"/>
            <ac:inkMk id="17" creationId="{984CC040-936D-7E6D-5AF7-A453F7B4AFE3}"/>
          </ac:inkMkLst>
        </pc:inkChg>
        <pc:inkChg chg="add del mod">
          <ac:chgData name="Matias Vázquez Piñón" userId="2f86a967-3c9c-4a39-b538-7e6c0574d83d" providerId="ADAL" clId="{B0EC83BE-3AC5-42EC-8408-8B0ACB640EA4}" dt="2022-08-08T17:12:45.213" v="14164"/>
          <ac:inkMkLst>
            <pc:docMk/>
            <pc:sldMk cId="2544200577" sldId="548"/>
            <ac:inkMk id="18" creationId="{17405455-DF19-556C-CFDB-BEC2DEF5F069}"/>
          </ac:inkMkLst>
        </pc:inkChg>
        <pc:inkChg chg="add del mod">
          <ac:chgData name="Matias Vázquez Piñón" userId="2f86a967-3c9c-4a39-b538-7e6c0574d83d" providerId="ADAL" clId="{B0EC83BE-3AC5-42EC-8408-8B0ACB640EA4}" dt="2022-08-08T17:12:45.212" v="14163"/>
          <ac:inkMkLst>
            <pc:docMk/>
            <pc:sldMk cId="2544200577" sldId="548"/>
            <ac:inkMk id="19" creationId="{8951C92E-5914-9598-0D98-12910DD86924}"/>
          </ac:inkMkLst>
        </pc:inkChg>
        <pc:inkChg chg="add del mod">
          <ac:chgData name="Matias Vázquez Piñón" userId="2f86a967-3c9c-4a39-b538-7e6c0574d83d" providerId="ADAL" clId="{B0EC83BE-3AC5-42EC-8408-8B0ACB640EA4}" dt="2022-08-08T17:12:45.706" v="14169"/>
          <ac:inkMkLst>
            <pc:docMk/>
            <pc:sldMk cId="2544200577" sldId="548"/>
            <ac:inkMk id="21" creationId="{45F14FF2-C6D6-9B10-FB41-73C8DFD151BC}"/>
          </ac:inkMkLst>
        </pc:inkChg>
      </pc:sldChg>
      <pc:sldChg chg="addSp delSp modSp new mod ord modClrScheme chgLayout">
        <pc:chgData name="Matias Vázquez Piñón" userId="2f86a967-3c9c-4a39-b538-7e6c0574d83d" providerId="ADAL" clId="{B0EC83BE-3AC5-42EC-8408-8B0ACB640EA4}" dt="2022-08-08T17:27:28.912" v="15029"/>
        <pc:sldMkLst>
          <pc:docMk/>
          <pc:sldMk cId="1556255156" sldId="549"/>
        </pc:sldMkLst>
        <pc:spChg chg="mod ord">
          <ac:chgData name="Matias Vázquez Piñón" userId="2f86a967-3c9c-4a39-b538-7e6c0574d83d" providerId="ADAL" clId="{B0EC83BE-3AC5-42EC-8408-8B0ACB640EA4}" dt="2022-08-06T14:10:56.085" v="10700" actId="1076"/>
          <ac:spMkLst>
            <pc:docMk/>
            <pc:sldMk cId="1556255156" sldId="549"/>
            <ac:spMk id="2" creationId="{D70D2E0D-CB1D-D4BF-E19C-9230A9891FF5}"/>
          </ac:spMkLst>
        </pc:spChg>
        <pc:spChg chg="mod ord">
          <ac:chgData name="Matias Vázquez Piñón" userId="2f86a967-3c9c-4a39-b538-7e6c0574d83d" providerId="ADAL" clId="{B0EC83BE-3AC5-42EC-8408-8B0ACB640EA4}" dt="2022-08-06T14:10:22.186" v="10696" actId="700"/>
          <ac:spMkLst>
            <pc:docMk/>
            <pc:sldMk cId="1556255156" sldId="549"/>
            <ac:spMk id="3" creationId="{5115C3E4-E211-D687-1853-01512382D3A5}"/>
          </ac:spMkLst>
        </pc:spChg>
        <pc:spChg chg="add del mod ord">
          <ac:chgData name="Matias Vázquez Piñón" userId="2f86a967-3c9c-4a39-b538-7e6c0574d83d" providerId="ADAL" clId="{B0EC83BE-3AC5-42EC-8408-8B0ACB640EA4}" dt="2022-08-06T14:10:23.852" v="10697"/>
          <ac:spMkLst>
            <pc:docMk/>
            <pc:sldMk cId="1556255156" sldId="549"/>
            <ac:spMk id="7" creationId="{8DF2D8A0-192B-6670-C439-68693A4F6CFE}"/>
          </ac:spMkLst>
        </pc:spChg>
        <pc:spChg chg="add del mod">
          <ac:chgData name="Matias Vázquez Piñón" userId="2f86a967-3c9c-4a39-b538-7e6c0574d83d" providerId="ADAL" clId="{B0EC83BE-3AC5-42EC-8408-8B0ACB640EA4}" dt="2022-08-07T21:26:36.758" v="14135" actId="478"/>
          <ac:spMkLst>
            <pc:docMk/>
            <pc:sldMk cId="1556255156" sldId="549"/>
            <ac:spMk id="8" creationId="{A4827ED2-DAE7-F3E4-CCB6-4B47C7849816}"/>
          </ac:spMkLst>
        </pc:spChg>
        <pc:spChg chg="add del mod">
          <ac:chgData name="Matias Vázquez Piñón" userId="2f86a967-3c9c-4a39-b538-7e6c0574d83d" providerId="ADAL" clId="{B0EC83BE-3AC5-42EC-8408-8B0ACB640EA4}" dt="2022-08-06T14:15:05.751" v="10800"/>
          <ac:spMkLst>
            <pc:docMk/>
            <pc:sldMk cId="1556255156" sldId="549"/>
            <ac:spMk id="10" creationId="{4606581B-30AC-2452-2B23-15CFC4A35876}"/>
          </ac:spMkLst>
        </pc:spChg>
        <pc:spChg chg="add del mod">
          <ac:chgData name="Matias Vázquez Piñón" userId="2f86a967-3c9c-4a39-b538-7e6c0574d83d" providerId="ADAL" clId="{B0EC83BE-3AC5-42EC-8408-8B0ACB640EA4}" dt="2022-08-06T14:18:09.564" v="10807" actId="21"/>
          <ac:spMkLst>
            <pc:docMk/>
            <pc:sldMk cId="1556255156" sldId="549"/>
            <ac:spMk id="13" creationId="{BE882783-FF3D-1FC2-D1A0-84AF0E3C8FAC}"/>
          </ac:spMkLst>
        </pc:spChg>
        <pc:spChg chg="add del mod ord">
          <ac:chgData name="Matias Vázquez Piñón" userId="2f86a967-3c9c-4a39-b538-7e6c0574d83d" providerId="ADAL" clId="{B0EC83BE-3AC5-42EC-8408-8B0ACB640EA4}" dt="2022-08-06T14:18:43.753" v="10817" actId="21"/>
          <ac:spMkLst>
            <pc:docMk/>
            <pc:sldMk cId="1556255156" sldId="549"/>
            <ac:spMk id="14" creationId="{179D96DE-35D9-717C-13C0-B9C312154607}"/>
          </ac:spMkLst>
        </pc:spChg>
        <pc:spChg chg="add del mod">
          <ac:chgData name="Matias Vázquez Piñón" userId="2f86a967-3c9c-4a39-b538-7e6c0574d83d" providerId="ADAL" clId="{B0EC83BE-3AC5-42EC-8408-8B0ACB640EA4}" dt="2022-08-06T14:18:43.753" v="10817" actId="21"/>
          <ac:spMkLst>
            <pc:docMk/>
            <pc:sldMk cId="1556255156" sldId="549"/>
            <ac:spMk id="15" creationId="{8EAA30AC-C23C-9792-94CB-79B7638AEB31}"/>
          </ac:spMkLst>
        </pc:spChg>
        <pc:graphicFrameChg chg="add del mod modGraphic">
          <ac:chgData name="Matias Vázquez Piñón" userId="2f86a967-3c9c-4a39-b538-7e6c0574d83d" providerId="ADAL" clId="{B0EC83BE-3AC5-42EC-8408-8B0ACB640EA4}" dt="2022-08-06T14:10:18.964" v="10695" actId="21"/>
          <ac:graphicFrameMkLst>
            <pc:docMk/>
            <pc:sldMk cId="1556255156" sldId="549"/>
            <ac:graphicFrameMk id="4" creationId="{6F329A40-E54B-3A74-D84B-EB858A4D23A0}"/>
          </ac:graphicFrameMkLst>
        </pc:graphicFrameChg>
        <pc:graphicFrameChg chg="add del mod">
          <ac:chgData name="Matias Vázquez Piñón" userId="2f86a967-3c9c-4a39-b538-7e6c0574d83d" providerId="ADAL" clId="{B0EC83BE-3AC5-42EC-8408-8B0ACB640EA4}" dt="2022-08-06T14:14:56.446" v="10796" actId="21"/>
          <ac:graphicFrameMkLst>
            <pc:docMk/>
            <pc:sldMk cId="1556255156" sldId="549"/>
            <ac:graphicFrameMk id="8" creationId="{CFD9FC14-83ED-D392-25B6-076CD16B0B0D}"/>
          </ac:graphicFrameMkLst>
        </pc:graphicFrameChg>
        <pc:graphicFrameChg chg="add del mod">
          <ac:chgData name="Matias Vázquez Piñón" userId="2f86a967-3c9c-4a39-b538-7e6c0574d83d" providerId="ADAL" clId="{B0EC83BE-3AC5-42EC-8408-8B0ACB640EA4}" dt="2022-08-06T14:15:03.508" v="10799" actId="21"/>
          <ac:graphicFrameMkLst>
            <pc:docMk/>
            <pc:sldMk cId="1556255156" sldId="549"/>
            <ac:graphicFrameMk id="11" creationId="{3225E2EC-F8AE-5FB4-3773-AFE710542475}"/>
          </ac:graphicFrameMkLst>
        </pc:graphicFrameChg>
        <pc:graphicFrameChg chg="add mod">
          <ac:chgData name="Matias Vázquez Piñón" userId="2f86a967-3c9c-4a39-b538-7e6c0574d83d" providerId="ADAL" clId="{B0EC83BE-3AC5-42EC-8408-8B0ACB640EA4}" dt="2022-08-07T21:29:09.611" v="14142"/>
          <ac:graphicFrameMkLst>
            <pc:docMk/>
            <pc:sldMk cId="1556255156" sldId="549"/>
            <ac:graphicFrameMk id="12" creationId="{AA029C1D-CF1D-C06C-AEAA-D7A3FF9CED5E}"/>
          </ac:graphicFrameMkLst>
        </pc:graphicFrameChg>
        <pc:picChg chg="add del mod">
          <ac:chgData name="Matias Vázquez Piñón" userId="2f86a967-3c9c-4a39-b538-7e6c0574d83d" providerId="ADAL" clId="{B0EC83BE-3AC5-42EC-8408-8B0ACB640EA4}" dt="2022-08-07T21:26:29.509" v="14133" actId="21"/>
          <ac:picMkLst>
            <pc:docMk/>
            <pc:sldMk cId="1556255156" sldId="549"/>
            <ac:picMk id="5" creationId="{4B0E9B27-A510-7AA2-8F93-56C3204A33B2}"/>
          </ac:picMkLst>
        </pc:picChg>
        <pc:picChg chg="add del mod">
          <ac:chgData name="Matias Vázquez Piñón" userId="2f86a967-3c9c-4a39-b538-7e6c0574d83d" providerId="ADAL" clId="{B0EC83BE-3AC5-42EC-8408-8B0ACB640EA4}" dt="2022-08-06T14:14:16.801" v="10793" actId="478"/>
          <ac:picMkLst>
            <pc:docMk/>
            <pc:sldMk cId="1556255156" sldId="549"/>
            <ac:picMk id="5" creationId="{A22D4E89-A8D7-43CD-D6FB-E26A8D03710F}"/>
          </ac:picMkLst>
        </pc:picChg>
        <pc:picChg chg="add del mod">
          <ac:chgData name="Matias Vázquez Piñón" userId="2f86a967-3c9c-4a39-b538-7e6c0574d83d" providerId="ADAL" clId="{B0EC83BE-3AC5-42EC-8408-8B0ACB640EA4}" dt="2022-08-06T14:15:00.656" v="10797" actId="478"/>
          <ac:picMkLst>
            <pc:docMk/>
            <pc:sldMk cId="1556255156" sldId="549"/>
            <ac:picMk id="6" creationId="{43B03C63-0861-6C26-D4C3-72BB5885E2BA}"/>
          </ac:picMkLst>
        </pc:picChg>
        <pc:picChg chg="add del mod">
          <ac:chgData name="Matias Vázquez Piñón" userId="2f86a967-3c9c-4a39-b538-7e6c0574d83d" providerId="ADAL" clId="{B0EC83BE-3AC5-42EC-8408-8B0ACB640EA4}" dt="2022-08-07T21:29:06.127" v="14140" actId="21"/>
          <ac:picMkLst>
            <pc:docMk/>
            <pc:sldMk cId="1556255156" sldId="549"/>
            <ac:picMk id="7" creationId="{BD04A6E3-050A-F8A9-B169-29174D5CABF7}"/>
          </ac:picMkLst>
        </pc:picChg>
        <pc:picChg chg="add mod">
          <ac:chgData name="Matias Vázquez Piñón" userId="2f86a967-3c9c-4a39-b538-7e6c0574d83d" providerId="ADAL" clId="{B0EC83BE-3AC5-42EC-8408-8B0ACB640EA4}" dt="2022-08-07T19:22:51.168" v="14016" actId="1076"/>
          <ac:picMkLst>
            <pc:docMk/>
            <pc:sldMk cId="1556255156" sldId="549"/>
            <ac:picMk id="16" creationId="{8926031F-CAF9-EACF-3D44-7A3033F70588}"/>
          </ac:picMkLst>
        </pc:picChg>
        <pc:picChg chg="add mod">
          <ac:chgData name="Matias Vázquez Piñón" userId="2f86a967-3c9c-4a39-b538-7e6c0574d83d" providerId="ADAL" clId="{B0EC83BE-3AC5-42EC-8408-8B0ACB640EA4}" dt="2022-08-07T19:22:47.888" v="14015" actId="1076"/>
          <ac:picMkLst>
            <pc:docMk/>
            <pc:sldMk cId="1556255156" sldId="549"/>
            <ac:picMk id="17" creationId="{DA106800-4D93-9F71-6362-0F66C36D1576}"/>
          </ac:picMkLst>
        </pc:picChg>
      </pc:sldChg>
      <pc:sldChg chg="addSp delSp modSp add del mod">
        <pc:chgData name="Matias Vázquez Piñón" userId="2f86a967-3c9c-4a39-b538-7e6c0574d83d" providerId="ADAL" clId="{B0EC83BE-3AC5-42EC-8408-8B0ACB640EA4}" dt="2022-08-06T13:55:03.204" v="10467" actId="47"/>
        <pc:sldMkLst>
          <pc:docMk/>
          <pc:sldMk cId="2424553144" sldId="549"/>
        </pc:sldMkLst>
        <pc:spChg chg="mod">
          <ac:chgData name="Matias Vázquez Piñón" userId="2f86a967-3c9c-4a39-b538-7e6c0574d83d" providerId="ADAL" clId="{B0EC83BE-3AC5-42EC-8408-8B0ACB640EA4}" dt="2022-08-06T13:50:32.910" v="10443" actId="1076"/>
          <ac:spMkLst>
            <pc:docMk/>
            <pc:sldMk cId="2424553144" sldId="549"/>
            <ac:spMk id="7" creationId="{4D590D2C-CB7C-9EFA-A0F0-D12A837C53C7}"/>
          </ac:spMkLst>
        </pc:spChg>
        <pc:spChg chg="del">
          <ac:chgData name="Matias Vázquez Piñón" userId="2f86a967-3c9c-4a39-b538-7e6c0574d83d" providerId="ADAL" clId="{B0EC83BE-3AC5-42EC-8408-8B0ACB640EA4}" dt="2022-08-06T13:50:29.366" v="10441" actId="478"/>
          <ac:spMkLst>
            <pc:docMk/>
            <pc:sldMk cId="2424553144" sldId="549"/>
            <ac:spMk id="8" creationId="{3CD13D66-BD8E-B751-68B6-E8D02F1599D0}"/>
          </ac:spMkLst>
        </pc:spChg>
        <pc:spChg chg="del">
          <ac:chgData name="Matias Vázquez Piñón" userId="2f86a967-3c9c-4a39-b538-7e6c0574d83d" providerId="ADAL" clId="{B0EC83BE-3AC5-42EC-8408-8B0ACB640EA4}" dt="2022-08-06T13:51:14.641" v="10448" actId="478"/>
          <ac:spMkLst>
            <pc:docMk/>
            <pc:sldMk cId="2424553144" sldId="549"/>
            <ac:spMk id="9" creationId="{88A6493B-0C29-8CF3-92CA-90484230CAA3}"/>
          </ac:spMkLst>
        </pc:spChg>
        <pc:spChg chg="add del mod">
          <ac:chgData name="Matias Vázquez Piñón" userId="2f86a967-3c9c-4a39-b538-7e6c0574d83d" providerId="ADAL" clId="{B0EC83BE-3AC5-42EC-8408-8B0ACB640EA4}" dt="2022-08-06T13:49:18.835" v="10426"/>
          <ac:spMkLst>
            <pc:docMk/>
            <pc:sldMk cId="2424553144" sldId="549"/>
            <ac:spMk id="53" creationId="{DC3C575A-95C1-BE13-02C9-3C64DDB5E9B1}"/>
          </ac:spMkLst>
        </pc:spChg>
        <pc:spChg chg="add del mod">
          <ac:chgData name="Matias Vázquez Piñón" userId="2f86a967-3c9c-4a39-b538-7e6c0574d83d" providerId="ADAL" clId="{B0EC83BE-3AC5-42EC-8408-8B0ACB640EA4}" dt="2022-08-06T13:49:18.835" v="10426"/>
          <ac:spMkLst>
            <pc:docMk/>
            <pc:sldMk cId="2424553144" sldId="549"/>
            <ac:spMk id="54" creationId="{D62AF8AE-22E7-BD49-C1C2-13C3D7ADE017}"/>
          </ac:spMkLst>
        </pc:spChg>
        <pc:spChg chg="add del mod">
          <ac:chgData name="Matias Vázquez Piñón" userId="2f86a967-3c9c-4a39-b538-7e6c0574d83d" providerId="ADAL" clId="{B0EC83BE-3AC5-42EC-8408-8B0ACB640EA4}" dt="2022-08-06T13:49:18.835" v="10426"/>
          <ac:spMkLst>
            <pc:docMk/>
            <pc:sldMk cId="2424553144" sldId="549"/>
            <ac:spMk id="55" creationId="{3661889D-3AFA-D7E2-9B9B-36AEEAD69B1D}"/>
          </ac:spMkLst>
        </pc:spChg>
        <pc:spChg chg="add del mod">
          <ac:chgData name="Matias Vázquez Piñón" userId="2f86a967-3c9c-4a39-b538-7e6c0574d83d" providerId="ADAL" clId="{B0EC83BE-3AC5-42EC-8408-8B0ACB640EA4}" dt="2022-08-06T13:49:18.835" v="10426"/>
          <ac:spMkLst>
            <pc:docMk/>
            <pc:sldMk cId="2424553144" sldId="549"/>
            <ac:spMk id="56" creationId="{E42FC015-6B0D-1223-BA16-5AD70AB2A9A3}"/>
          </ac:spMkLst>
        </pc:spChg>
        <pc:spChg chg="add del">
          <ac:chgData name="Matias Vázquez Piñón" userId="2f86a967-3c9c-4a39-b538-7e6c0574d83d" providerId="ADAL" clId="{B0EC83BE-3AC5-42EC-8408-8B0ACB640EA4}" dt="2022-08-06T13:49:29.202" v="10429" actId="21"/>
          <ac:spMkLst>
            <pc:docMk/>
            <pc:sldMk cId="2424553144" sldId="549"/>
            <ac:spMk id="63" creationId="{5D5A0574-AF99-CB5D-9CFA-89C8D4B46D7C}"/>
          </ac:spMkLst>
        </pc:spChg>
        <pc:spChg chg="add del">
          <ac:chgData name="Matias Vázquez Piñón" userId="2f86a967-3c9c-4a39-b538-7e6c0574d83d" providerId="ADAL" clId="{B0EC83BE-3AC5-42EC-8408-8B0ACB640EA4}" dt="2022-08-06T13:49:29.202" v="10429" actId="21"/>
          <ac:spMkLst>
            <pc:docMk/>
            <pc:sldMk cId="2424553144" sldId="549"/>
            <ac:spMk id="97" creationId="{72B8A64D-4330-56AF-564D-44893B6B2507}"/>
          </ac:spMkLst>
        </pc:spChg>
        <pc:spChg chg="add del mod">
          <ac:chgData name="Matias Vázquez Piñón" userId="2f86a967-3c9c-4a39-b538-7e6c0574d83d" providerId="ADAL" clId="{B0EC83BE-3AC5-42EC-8408-8B0ACB640EA4}" dt="2022-08-06T13:50:25.267" v="10440" actId="1076"/>
          <ac:spMkLst>
            <pc:docMk/>
            <pc:sldMk cId="2424553144" sldId="549"/>
            <ac:spMk id="98" creationId="{EEA136BA-E308-CB65-A901-23AD00181B00}"/>
          </ac:spMkLst>
        </pc:spChg>
        <pc:spChg chg="add del mod">
          <ac:chgData name="Matias Vázquez Piñón" userId="2f86a967-3c9c-4a39-b538-7e6c0574d83d" providerId="ADAL" clId="{B0EC83BE-3AC5-42EC-8408-8B0ACB640EA4}" dt="2022-08-06T13:51:01.521" v="10447" actId="20577"/>
          <ac:spMkLst>
            <pc:docMk/>
            <pc:sldMk cId="2424553144" sldId="549"/>
            <ac:spMk id="99" creationId="{CDF6B19B-8450-CACF-727E-4A88A6062EE9}"/>
          </ac:spMkLst>
        </pc:spChg>
        <pc:spChg chg="add del mod">
          <ac:chgData name="Matias Vázquez Piñón" userId="2f86a967-3c9c-4a39-b538-7e6c0574d83d" providerId="ADAL" clId="{B0EC83BE-3AC5-42EC-8408-8B0ACB640EA4}" dt="2022-08-06T13:49:26.409" v="10428"/>
          <ac:spMkLst>
            <pc:docMk/>
            <pc:sldMk cId="2424553144" sldId="549"/>
            <ac:spMk id="110" creationId="{FA834060-14C9-155E-8E88-CCAB4F265F3D}"/>
          </ac:spMkLst>
        </pc:spChg>
        <pc:spChg chg="add del mod">
          <ac:chgData name="Matias Vázquez Piñón" userId="2f86a967-3c9c-4a39-b538-7e6c0574d83d" providerId="ADAL" clId="{B0EC83BE-3AC5-42EC-8408-8B0ACB640EA4}" dt="2022-08-06T13:49:26.409" v="10428"/>
          <ac:spMkLst>
            <pc:docMk/>
            <pc:sldMk cId="2424553144" sldId="549"/>
            <ac:spMk id="111" creationId="{7C9E5AF0-076B-D489-A25E-20CE8EC4DFB7}"/>
          </ac:spMkLst>
        </pc:spChg>
        <pc:spChg chg="add del mod">
          <ac:chgData name="Matias Vázquez Piñón" userId="2f86a967-3c9c-4a39-b538-7e6c0574d83d" providerId="ADAL" clId="{B0EC83BE-3AC5-42EC-8408-8B0ACB640EA4}" dt="2022-08-06T13:49:26.409" v="10428"/>
          <ac:spMkLst>
            <pc:docMk/>
            <pc:sldMk cId="2424553144" sldId="549"/>
            <ac:spMk id="112" creationId="{2AD9B549-CB6C-9DA2-551E-C4D16719CBD5}"/>
          </ac:spMkLst>
        </pc:spChg>
        <pc:spChg chg="add del mod">
          <ac:chgData name="Matias Vázquez Piñón" userId="2f86a967-3c9c-4a39-b538-7e6c0574d83d" providerId="ADAL" clId="{B0EC83BE-3AC5-42EC-8408-8B0ACB640EA4}" dt="2022-08-06T13:49:26.409" v="10428"/>
          <ac:spMkLst>
            <pc:docMk/>
            <pc:sldMk cId="2424553144" sldId="549"/>
            <ac:spMk id="113" creationId="{371B4938-D1C3-5669-2767-4797D2F604C2}"/>
          </ac:spMkLst>
        </pc:spChg>
        <pc:grpChg chg="add del mod">
          <ac:chgData name="Matias Vázquez Piñón" userId="2f86a967-3c9c-4a39-b538-7e6c0574d83d" providerId="ADAL" clId="{B0EC83BE-3AC5-42EC-8408-8B0ACB640EA4}" dt="2022-08-06T13:49:18.835" v="10426"/>
          <ac:grpSpMkLst>
            <pc:docMk/>
            <pc:sldMk cId="2424553144" sldId="549"/>
            <ac:grpSpMk id="58" creationId="{FCEF320E-2607-9E48-3A22-418B2D916D2A}"/>
          </ac:grpSpMkLst>
        </pc:grpChg>
        <pc:grpChg chg="add del">
          <ac:chgData name="Matias Vázquez Piñón" userId="2f86a967-3c9c-4a39-b538-7e6c0574d83d" providerId="ADAL" clId="{B0EC83BE-3AC5-42EC-8408-8B0ACB640EA4}" dt="2022-08-06T13:49:29.202" v="10429" actId="21"/>
          <ac:grpSpMkLst>
            <pc:docMk/>
            <pc:sldMk cId="2424553144" sldId="549"/>
            <ac:grpSpMk id="100" creationId="{566E1C32-5783-4703-4B8B-51A51C5AF416}"/>
          </ac:grpSpMkLst>
        </pc:grpChg>
        <pc:grpChg chg="add del mod">
          <ac:chgData name="Matias Vázquez Piñón" userId="2f86a967-3c9c-4a39-b538-7e6c0574d83d" providerId="ADAL" clId="{B0EC83BE-3AC5-42EC-8408-8B0ACB640EA4}" dt="2022-08-06T13:50:21.427" v="10439" actId="14100"/>
          <ac:grpSpMkLst>
            <pc:docMk/>
            <pc:sldMk cId="2424553144" sldId="549"/>
            <ac:grpSpMk id="103" creationId="{0EE21865-367F-5D3D-342A-FB297907CE88}"/>
          </ac:grpSpMkLst>
        </pc:grpChg>
        <pc:grpChg chg="add del mod">
          <ac:chgData name="Matias Vázquez Piñón" userId="2f86a967-3c9c-4a39-b538-7e6c0574d83d" providerId="ADAL" clId="{B0EC83BE-3AC5-42EC-8408-8B0ACB640EA4}" dt="2022-08-06T13:49:18.835" v="10426"/>
          <ac:grpSpMkLst>
            <pc:docMk/>
            <pc:sldMk cId="2424553144" sldId="549"/>
            <ac:grpSpMk id="106" creationId="{9B49D96D-C12C-E659-9D53-3AD3AE9B41AF}"/>
          </ac:grpSpMkLst>
        </pc:grpChg>
        <pc:grpChg chg="add del mod">
          <ac:chgData name="Matias Vázquez Piñón" userId="2f86a967-3c9c-4a39-b538-7e6c0574d83d" providerId="ADAL" clId="{B0EC83BE-3AC5-42EC-8408-8B0ACB640EA4}" dt="2022-08-06T13:49:26.409" v="10428"/>
          <ac:grpSpMkLst>
            <pc:docMk/>
            <pc:sldMk cId="2424553144" sldId="549"/>
            <ac:grpSpMk id="114" creationId="{1884529D-2C66-D15E-EA45-87BAF75290E9}"/>
          </ac:grpSpMkLst>
        </pc:grpChg>
        <pc:grpChg chg="add del mod">
          <ac:chgData name="Matias Vázquez Piñón" userId="2f86a967-3c9c-4a39-b538-7e6c0574d83d" providerId="ADAL" clId="{B0EC83BE-3AC5-42EC-8408-8B0ACB640EA4}" dt="2022-08-06T13:49:26.409" v="10428"/>
          <ac:grpSpMkLst>
            <pc:docMk/>
            <pc:sldMk cId="2424553144" sldId="549"/>
            <ac:grpSpMk id="117" creationId="{E50EB1C6-742B-82AD-3FE8-726DD3E896B3}"/>
          </ac:grpSpMkLst>
        </pc:grpChg>
        <pc:picChg chg="add del mod">
          <ac:chgData name="Matias Vázquez Piñón" userId="2f86a967-3c9c-4a39-b538-7e6c0574d83d" providerId="ADAL" clId="{B0EC83BE-3AC5-42EC-8408-8B0ACB640EA4}" dt="2022-08-06T13:49:18.835" v="10426"/>
          <ac:picMkLst>
            <pc:docMk/>
            <pc:sldMk cId="2424553144" sldId="549"/>
            <ac:picMk id="52" creationId="{3B1DB449-F1B2-1F6F-1FEF-AD0EB7AFEFCF}"/>
          </ac:picMkLst>
        </pc:picChg>
        <pc:picChg chg="add del">
          <ac:chgData name="Matias Vázquez Piñón" userId="2f86a967-3c9c-4a39-b538-7e6c0574d83d" providerId="ADAL" clId="{B0EC83BE-3AC5-42EC-8408-8B0ACB640EA4}" dt="2022-08-06T13:49:29.202" v="10429" actId="21"/>
          <ac:picMkLst>
            <pc:docMk/>
            <pc:sldMk cId="2424553144" sldId="549"/>
            <ac:picMk id="62" creationId="{A7681A0E-02D2-A725-89D7-5D31C94DD49D}"/>
          </ac:picMkLst>
        </pc:picChg>
        <pc:picChg chg="add del mod">
          <ac:chgData name="Matias Vázquez Piñón" userId="2f86a967-3c9c-4a39-b538-7e6c0574d83d" providerId="ADAL" clId="{B0EC83BE-3AC5-42EC-8408-8B0ACB640EA4}" dt="2022-08-06T13:49:26.409" v="10428"/>
          <ac:picMkLst>
            <pc:docMk/>
            <pc:sldMk cId="2424553144" sldId="549"/>
            <ac:picMk id="109" creationId="{455105C7-7DB0-3B23-E90F-118AB0063954}"/>
          </ac:picMkLst>
        </pc:picChg>
        <pc:inkChg chg="mod">
          <ac:chgData name="Matias Vázquez Piñón" userId="2f86a967-3c9c-4a39-b538-7e6c0574d83d" providerId="ADAL" clId="{B0EC83BE-3AC5-42EC-8408-8B0ACB640EA4}" dt="2022-08-06T13:49:16.974" v="10425"/>
          <ac:inkMkLst>
            <pc:docMk/>
            <pc:sldMk cId="2424553144" sldId="549"/>
            <ac:inkMk id="59" creationId="{62A0FB46-EB35-D2F9-DA59-A744B33E6961}"/>
          </ac:inkMkLst>
        </pc:inkChg>
        <pc:inkChg chg="mod">
          <ac:chgData name="Matias Vázquez Piñón" userId="2f86a967-3c9c-4a39-b538-7e6c0574d83d" providerId="ADAL" clId="{B0EC83BE-3AC5-42EC-8408-8B0ACB640EA4}" dt="2022-08-06T13:49:16.974" v="10425"/>
          <ac:inkMkLst>
            <pc:docMk/>
            <pc:sldMk cId="2424553144" sldId="549"/>
            <ac:inkMk id="60" creationId="{484A4D49-7B18-09BB-081D-1EEB8AA225BC}"/>
          </ac:inkMkLst>
        </pc:inkChg>
        <pc:inkChg chg="mod">
          <ac:chgData name="Matias Vázquez Piñón" userId="2f86a967-3c9c-4a39-b538-7e6c0574d83d" providerId="ADAL" clId="{B0EC83BE-3AC5-42EC-8408-8B0ACB640EA4}" dt="2022-08-06T13:49:16.974" v="10425"/>
          <ac:inkMkLst>
            <pc:docMk/>
            <pc:sldMk cId="2424553144" sldId="549"/>
            <ac:inkMk id="107" creationId="{EA06F04C-5496-D6C3-05B6-4BD34A279FA8}"/>
          </ac:inkMkLst>
        </pc:inkChg>
        <pc:inkChg chg="mod">
          <ac:chgData name="Matias Vázquez Piñón" userId="2f86a967-3c9c-4a39-b538-7e6c0574d83d" providerId="ADAL" clId="{B0EC83BE-3AC5-42EC-8408-8B0ACB640EA4}" dt="2022-08-06T13:49:16.974" v="10425"/>
          <ac:inkMkLst>
            <pc:docMk/>
            <pc:sldMk cId="2424553144" sldId="549"/>
            <ac:inkMk id="108" creationId="{B1A194AC-266C-687B-D463-0836ED805BEC}"/>
          </ac:inkMkLst>
        </pc:inkChg>
        <pc:inkChg chg="mod">
          <ac:chgData name="Matias Vázquez Piñón" userId="2f86a967-3c9c-4a39-b538-7e6c0574d83d" providerId="ADAL" clId="{B0EC83BE-3AC5-42EC-8408-8B0ACB640EA4}" dt="2022-08-06T13:49:23.924" v="10427"/>
          <ac:inkMkLst>
            <pc:docMk/>
            <pc:sldMk cId="2424553144" sldId="549"/>
            <ac:inkMk id="115" creationId="{6C023A35-24B2-937D-81D4-E83C7BC6CED8}"/>
          </ac:inkMkLst>
        </pc:inkChg>
        <pc:inkChg chg="mod">
          <ac:chgData name="Matias Vázquez Piñón" userId="2f86a967-3c9c-4a39-b538-7e6c0574d83d" providerId="ADAL" clId="{B0EC83BE-3AC5-42EC-8408-8B0ACB640EA4}" dt="2022-08-06T13:49:23.924" v="10427"/>
          <ac:inkMkLst>
            <pc:docMk/>
            <pc:sldMk cId="2424553144" sldId="549"/>
            <ac:inkMk id="116" creationId="{4EE29F2D-9A31-493D-7508-1772E5EB5D9A}"/>
          </ac:inkMkLst>
        </pc:inkChg>
        <pc:inkChg chg="mod">
          <ac:chgData name="Matias Vázquez Piñón" userId="2f86a967-3c9c-4a39-b538-7e6c0574d83d" providerId="ADAL" clId="{B0EC83BE-3AC5-42EC-8408-8B0ACB640EA4}" dt="2022-08-06T13:49:23.924" v="10427"/>
          <ac:inkMkLst>
            <pc:docMk/>
            <pc:sldMk cId="2424553144" sldId="549"/>
            <ac:inkMk id="118" creationId="{5BDF166F-E8BD-8922-7F80-DC431EABB584}"/>
          </ac:inkMkLst>
        </pc:inkChg>
        <pc:inkChg chg="mod">
          <ac:chgData name="Matias Vázquez Piñón" userId="2f86a967-3c9c-4a39-b538-7e6c0574d83d" providerId="ADAL" clId="{B0EC83BE-3AC5-42EC-8408-8B0ACB640EA4}" dt="2022-08-06T13:49:23.924" v="10427"/>
          <ac:inkMkLst>
            <pc:docMk/>
            <pc:sldMk cId="2424553144" sldId="549"/>
            <ac:inkMk id="119" creationId="{60C586E0-A04D-9C4A-D6D2-6BAAA3879F29}"/>
          </ac:inkMkLst>
        </pc:inkChg>
      </pc:sldChg>
      <pc:sldChg chg="addSp delSp modSp new del mod modClrScheme chgLayout">
        <pc:chgData name="Matias Vázquez Piñón" userId="2f86a967-3c9c-4a39-b538-7e6c0574d83d" providerId="ADAL" clId="{B0EC83BE-3AC5-42EC-8408-8B0ACB640EA4}" dt="2022-08-06T14:33:17.964" v="11044" actId="47"/>
        <pc:sldMkLst>
          <pc:docMk/>
          <pc:sldMk cId="1151323892" sldId="550"/>
        </pc:sldMkLst>
        <pc:spChg chg="add del">
          <ac:chgData name="Matias Vázquez Piñón" userId="2f86a967-3c9c-4a39-b538-7e6c0574d83d" providerId="ADAL" clId="{B0EC83BE-3AC5-42EC-8408-8B0ACB640EA4}" dt="2022-08-06T14:33:09.836" v="11040" actId="26606"/>
          <ac:spMkLst>
            <pc:docMk/>
            <pc:sldMk cId="1151323892" sldId="550"/>
            <ac:spMk id="2" creationId="{A31AA6AB-9694-3D97-12DA-E1901694ABC0}"/>
          </ac:spMkLst>
        </pc:spChg>
        <pc:spChg chg="add del">
          <ac:chgData name="Matias Vázquez Piñón" userId="2f86a967-3c9c-4a39-b538-7e6c0574d83d" providerId="ADAL" clId="{B0EC83BE-3AC5-42EC-8408-8B0ACB640EA4}" dt="2022-08-06T14:33:09.836" v="11040" actId="26606"/>
          <ac:spMkLst>
            <pc:docMk/>
            <pc:sldMk cId="1151323892" sldId="550"/>
            <ac:spMk id="3" creationId="{B0A05D77-BB80-8CCA-5FA1-AD2233C8AE18}"/>
          </ac:spMkLst>
        </pc:spChg>
        <pc:spChg chg="mod ord">
          <ac:chgData name="Matias Vázquez Piñón" userId="2f86a967-3c9c-4a39-b538-7e6c0574d83d" providerId="ADAL" clId="{B0EC83BE-3AC5-42EC-8408-8B0ACB640EA4}" dt="2022-08-06T14:33:09.836" v="11040" actId="26606"/>
          <ac:spMkLst>
            <pc:docMk/>
            <pc:sldMk cId="1151323892" sldId="550"/>
            <ac:spMk id="4" creationId="{5868E549-8077-5406-8D9A-145140FB41A5}"/>
          </ac:spMkLst>
        </pc:spChg>
        <pc:spChg chg="add del mod">
          <ac:chgData name="Matias Vázquez Piñón" userId="2f86a967-3c9c-4a39-b538-7e6c0574d83d" providerId="ADAL" clId="{B0EC83BE-3AC5-42EC-8408-8B0ACB640EA4}" dt="2022-08-06T14:33:09.831" v="11039" actId="26606"/>
          <ac:spMkLst>
            <pc:docMk/>
            <pc:sldMk cId="1151323892" sldId="550"/>
            <ac:spMk id="11" creationId="{54234120-5ABE-26DA-C4A6-2BC8983BE6BB}"/>
          </ac:spMkLst>
        </pc:spChg>
        <pc:spChg chg="add del mod">
          <ac:chgData name="Matias Vázquez Piñón" userId="2f86a967-3c9c-4a39-b538-7e6c0574d83d" providerId="ADAL" clId="{B0EC83BE-3AC5-42EC-8408-8B0ACB640EA4}" dt="2022-08-06T14:33:09.831" v="11039" actId="26606"/>
          <ac:spMkLst>
            <pc:docMk/>
            <pc:sldMk cId="1151323892" sldId="550"/>
            <ac:spMk id="13" creationId="{18F0D93F-4E2E-AAB9-6E3A-EDEF28236276}"/>
          </ac:spMkLst>
        </pc:spChg>
        <pc:spChg chg="add mod">
          <ac:chgData name="Matias Vázquez Piñón" userId="2f86a967-3c9c-4a39-b538-7e6c0574d83d" providerId="ADAL" clId="{B0EC83BE-3AC5-42EC-8408-8B0ACB640EA4}" dt="2022-08-06T14:33:09.836" v="11040" actId="26606"/>
          <ac:spMkLst>
            <pc:docMk/>
            <pc:sldMk cId="1151323892" sldId="550"/>
            <ac:spMk id="15" creationId="{F657C3D7-A2FA-76BA-B5B8-C6318C75C11A}"/>
          </ac:spMkLst>
        </pc:spChg>
        <pc:spChg chg="add mod">
          <ac:chgData name="Matias Vázquez Piñón" userId="2f86a967-3c9c-4a39-b538-7e6c0574d83d" providerId="ADAL" clId="{B0EC83BE-3AC5-42EC-8408-8B0ACB640EA4}" dt="2022-08-06T14:33:09.836" v="11040" actId="26606"/>
          <ac:spMkLst>
            <pc:docMk/>
            <pc:sldMk cId="1151323892" sldId="550"/>
            <ac:spMk id="16" creationId="{8B2AF081-1AD3-A093-D7F4-B2EAEF503042}"/>
          </ac:spMkLst>
        </pc:spChg>
        <pc:picChg chg="add mod">
          <ac:chgData name="Matias Vázquez Piñón" userId="2f86a967-3c9c-4a39-b538-7e6c0574d83d" providerId="ADAL" clId="{B0EC83BE-3AC5-42EC-8408-8B0ACB640EA4}" dt="2022-08-06T14:33:14.451" v="11042" actId="962"/>
          <ac:picMkLst>
            <pc:docMk/>
            <pc:sldMk cId="1151323892" sldId="550"/>
            <ac:picMk id="5" creationId="{2BF5F8FE-D0CF-A09A-6F84-72FE64E88A0A}"/>
          </ac:picMkLst>
        </pc:picChg>
        <pc:picChg chg="add mod">
          <ac:chgData name="Matias Vázquez Piñón" userId="2f86a967-3c9c-4a39-b538-7e6c0574d83d" providerId="ADAL" clId="{B0EC83BE-3AC5-42EC-8408-8B0ACB640EA4}" dt="2022-08-06T14:33:14.451" v="11042" actId="962"/>
          <ac:picMkLst>
            <pc:docMk/>
            <pc:sldMk cId="1151323892" sldId="550"/>
            <ac:picMk id="6" creationId="{97639206-90D1-A53E-CE60-71CE984B13BA}"/>
          </ac:picMkLst>
        </pc:picChg>
      </pc:sldChg>
      <pc:sldChg chg="addSp delSp modSp new mod ord modClrScheme chgLayout">
        <pc:chgData name="Matias Vázquez Piñón" userId="2f86a967-3c9c-4a39-b538-7e6c0574d83d" providerId="ADAL" clId="{B0EC83BE-3AC5-42EC-8408-8B0ACB640EA4}" dt="2022-08-06T22:30:51.541" v="11992" actId="20577"/>
        <pc:sldMkLst>
          <pc:docMk/>
          <pc:sldMk cId="3586460804" sldId="550"/>
        </pc:sldMkLst>
        <pc:spChg chg="del mod ord">
          <ac:chgData name="Matias Vázquez Piñón" userId="2f86a967-3c9c-4a39-b538-7e6c0574d83d" providerId="ADAL" clId="{B0EC83BE-3AC5-42EC-8408-8B0ACB640EA4}" dt="2022-08-06T16:42:42.063" v="11446" actId="700"/>
          <ac:spMkLst>
            <pc:docMk/>
            <pc:sldMk cId="3586460804" sldId="550"/>
            <ac:spMk id="2" creationId="{31247C63-BCAB-1838-3E0E-32ADC72852E7}"/>
          </ac:spMkLst>
        </pc:spChg>
        <pc:spChg chg="del mod ord">
          <ac:chgData name="Matias Vázquez Piñón" userId="2f86a967-3c9c-4a39-b538-7e6c0574d83d" providerId="ADAL" clId="{B0EC83BE-3AC5-42EC-8408-8B0ACB640EA4}" dt="2022-08-06T16:42:42.063" v="11446" actId="700"/>
          <ac:spMkLst>
            <pc:docMk/>
            <pc:sldMk cId="3586460804" sldId="550"/>
            <ac:spMk id="3" creationId="{9EB9A81F-B12B-F10F-B464-BA1AA9E97963}"/>
          </ac:spMkLst>
        </pc:spChg>
        <pc:spChg chg="del mod ord">
          <ac:chgData name="Matias Vázquez Piñón" userId="2f86a967-3c9c-4a39-b538-7e6c0574d83d" providerId="ADAL" clId="{B0EC83BE-3AC5-42EC-8408-8B0ACB640EA4}" dt="2022-08-06T16:42:42.063" v="11446" actId="700"/>
          <ac:spMkLst>
            <pc:docMk/>
            <pc:sldMk cId="3586460804" sldId="550"/>
            <ac:spMk id="4" creationId="{00D86A72-E12C-B349-918C-E7F2CE9E2BBC}"/>
          </ac:spMkLst>
        </pc:spChg>
        <pc:spChg chg="del mod ord">
          <ac:chgData name="Matias Vázquez Piñón" userId="2f86a967-3c9c-4a39-b538-7e6c0574d83d" providerId="ADAL" clId="{B0EC83BE-3AC5-42EC-8408-8B0ACB640EA4}" dt="2022-08-06T16:42:42.063" v="11446" actId="700"/>
          <ac:spMkLst>
            <pc:docMk/>
            <pc:sldMk cId="3586460804" sldId="550"/>
            <ac:spMk id="5" creationId="{714655E2-2C90-0637-2141-203EA13313A7}"/>
          </ac:spMkLst>
        </pc:spChg>
        <pc:spChg chg="mod ord">
          <ac:chgData name="Matias Vázquez Piñón" userId="2f86a967-3c9c-4a39-b538-7e6c0574d83d" providerId="ADAL" clId="{B0EC83BE-3AC5-42EC-8408-8B0ACB640EA4}" dt="2022-08-06T18:18:37.772" v="11677" actId="700"/>
          <ac:spMkLst>
            <pc:docMk/>
            <pc:sldMk cId="3586460804" sldId="550"/>
            <ac:spMk id="6" creationId="{EAC3EB6C-BA89-F61D-FBDC-11BDFA9A6D72}"/>
          </ac:spMkLst>
        </pc:spChg>
        <pc:spChg chg="add del mod ord">
          <ac:chgData name="Matias Vázquez Piñón" userId="2f86a967-3c9c-4a39-b538-7e6c0574d83d" providerId="ADAL" clId="{B0EC83BE-3AC5-42EC-8408-8B0ACB640EA4}" dt="2022-08-06T16:42:54.976" v="11447" actId="700"/>
          <ac:spMkLst>
            <pc:docMk/>
            <pc:sldMk cId="3586460804" sldId="550"/>
            <ac:spMk id="7" creationId="{E9700D40-B300-E8B0-2454-3083E592EF2D}"/>
          </ac:spMkLst>
        </pc:spChg>
        <pc:spChg chg="add del mod ord">
          <ac:chgData name="Matias Vázquez Piñón" userId="2f86a967-3c9c-4a39-b538-7e6c0574d83d" providerId="ADAL" clId="{B0EC83BE-3AC5-42EC-8408-8B0ACB640EA4}" dt="2022-08-06T16:42:54.976" v="11447" actId="700"/>
          <ac:spMkLst>
            <pc:docMk/>
            <pc:sldMk cId="3586460804" sldId="550"/>
            <ac:spMk id="8" creationId="{80737161-8E5B-12AE-5E8A-75D5059D67D4}"/>
          </ac:spMkLst>
        </pc:spChg>
        <pc:spChg chg="add del mod ord">
          <ac:chgData name="Matias Vázquez Piñón" userId="2f86a967-3c9c-4a39-b538-7e6c0574d83d" providerId="ADAL" clId="{B0EC83BE-3AC5-42EC-8408-8B0ACB640EA4}" dt="2022-08-06T16:42:54.976" v="11447" actId="700"/>
          <ac:spMkLst>
            <pc:docMk/>
            <pc:sldMk cId="3586460804" sldId="550"/>
            <ac:spMk id="9" creationId="{441661BA-BE1A-9006-08CA-8CD628E9DE38}"/>
          </ac:spMkLst>
        </pc:spChg>
        <pc:spChg chg="add del mod ord">
          <ac:chgData name="Matias Vázquez Piñón" userId="2f86a967-3c9c-4a39-b538-7e6c0574d83d" providerId="ADAL" clId="{B0EC83BE-3AC5-42EC-8408-8B0ACB640EA4}" dt="2022-08-06T16:42:54.976" v="11447" actId="700"/>
          <ac:spMkLst>
            <pc:docMk/>
            <pc:sldMk cId="3586460804" sldId="550"/>
            <ac:spMk id="10" creationId="{25BFD8A7-5AD6-8851-203D-4B7D88277949}"/>
          </ac:spMkLst>
        </pc:spChg>
        <pc:spChg chg="add del mod ord">
          <ac:chgData name="Matias Vázquez Piñón" userId="2f86a967-3c9c-4a39-b538-7e6c0574d83d" providerId="ADAL" clId="{B0EC83BE-3AC5-42EC-8408-8B0ACB640EA4}" dt="2022-08-06T16:42:54.976" v="11447" actId="700"/>
          <ac:spMkLst>
            <pc:docMk/>
            <pc:sldMk cId="3586460804" sldId="550"/>
            <ac:spMk id="11" creationId="{A97D2A32-9785-1972-C586-746B7AB4C9DC}"/>
          </ac:spMkLst>
        </pc:spChg>
        <pc:spChg chg="add del mod ord">
          <ac:chgData name="Matias Vázquez Piñón" userId="2f86a967-3c9c-4a39-b538-7e6c0574d83d" providerId="ADAL" clId="{B0EC83BE-3AC5-42EC-8408-8B0ACB640EA4}" dt="2022-08-06T16:42:54.976" v="11447" actId="700"/>
          <ac:spMkLst>
            <pc:docMk/>
            <pc:sldMk cId="3586460804" sldId="550"/>
            <ac:spMk id="12" creationId="{02DAF91A-A737-AED7-0EF7-C7B88AF1ED60}"/>
          </ac:spMkLst>
        </pc:spChg>
        <pc:spChg chg="add del mod ord">
          <ac:chgData name="Matias Vázquez Piñón" userId="2f86a967-3c9c-4a39-b538-7e6c0574d83d" providerId="ADAL" clId="{B0EC83BE-3AC5-42EC-8408-8B0ACB640EA4}" dt="2022-08-06T16:42:54.976" v="11447" actId="700"/>
          <ac:spMkLst>
            <pc:docMk/>
            <pc:sldMk cId="3586460804" sldId="550"/>
            <ac:spMk id="13" creationId="{AF885B8B-57EA-2B65-1D40-C5A63DAB18D7}"/>
          </ac:spMkLst>
        </pc:spChg>
        <pc:spChg chg="add del mod ord">
          <ac:chgData name="Matias Vázquez Piñón" userId="2f86a967-3c9c-4a39-b538-7e6c0574d83d" providerId="ADAL" clId="{B0EC83BE-3AC5-42EC-8408-8B0ACB640EA4}" dt="2022-08-06T16:42:54.976" v="11447" actId="700"/>
          <ac:spMkLst>
            <pc:docMk/>
            <pc:sldMk cId="3586460804" sldId="550"/>
            <ac:spMk id="14" creationId="{ABCBC10F-6E8E-5169-E745-29A88A60A27A}"/>
          </ac:spMkLst>
        </pc:spChg>
        <pc:spChg chg="add del mod ord">
          <ac:chgData name="Matias Vázquez Piñón" userId="2f86a967-3c9c-4a39-b538-7e6c0574d83d" providerId="ADAL" clId="{B0EC83BE-3AC5-42EC-8408-8B0ACB640EA4}" dt="2022-08-06T16:42:54.976" v="11447" actId="700"/>
          <ac:spMkLst>
            <pc:docMk/>
            <pc:sldMk cId="3586460804" sldId="550"/>
            <ac:spMk id="15" creationId="{9ACF7BAA-984F-9A7C-A2D3-2B8B5C70C48E}"/>
          </ac:spMkLst>
        </pc:spChg>
        <pc:spChg chg="add mod ord">
          <ac:chgData name="Matias Vázquez Piñón" userId="2f86a967-3c9c-4a39-b538-7e6c0574d83d" providerId="ADAL" clId="{B0EC83BE-3AC5-42EC-8408-8B0ACB640EA4}" dt="2022-08-06T22:30:51.541" v="11992" actId="20577"/>
          <ac:spMkLst>
            <pc:docMk/>
            <pc:sldMk cId="3586460804" sldId="550"/>
            <ac:spMk id="16" creationId="{54AF55A0-ABCB-CBDA-2075-78A33634A6FC}"/>
          </ac:spMkLst>
        </pc:spChg>
        <pc:spChg chg="add del mod ord">
          <ac:chgData name="Matias Vázquez Piñón" userId="2f86a967-3c9c-4a39-b538-7e6c0574d83d" providerId="ADAL" clId="{B0EC83BE-3AC5-42EC-8408-8B0ACB640EA4}" dt="2022-08-06T16:43:35.606" v="11458" actId="1032"/>
          <ac:spMkLst>
            <pc:docMk/>
            <pc:sldMk cId="3586460804" sldId="550"/>
            <ac:spMk id="17" creationId="{42B4407D-0709-6C9B-31C3-36B0985F1BFD}"/>
          </ac:spMkLst>
        </pc:spChg>
        <pc:spChg chg="add del mod ord">
          <ac:chgData name="Matias Vázquez Piñón" userId="2f86a967-3c9c-4a39-b538-7e6c0574d83d" providerId="ADAL" clId="{B0EC83BE-3AC5-42EC-8408-8B0ACB640EA4}" dt="2022-08-06T18:18:37.772" v="11677" actId="700"/>
          <ac:spMkLst>
            <pc:docMk/>
            <pc:sldMk cId="3586460804" sldId="550"/>
            <ac:spMk id="18" creationId="{6F7B8026-57EB-08B8-36B8-A4208E4E7DE3}"/>
          </ac:spMkLst>
        </pc:spChg>
        <pc:spChg chg="add del mod ord">
          <ac:chgData name="Matias Vázquez Piñón" userId="2f86a967-3c9c-4a39-b538-7e6c0574d83d" providerId="ADAL" clId="{B0EC83BE-3AC5-42EC-8408-8B0ACB640EA4}" dt="2022-08-06T18:18:37.772" v="11677" actId="700"/>
          <ac:spMkLst>
            <pc:docMk/>
            <pc:sldMk cId="3586460804" sldId="550"/>
            <ac:spMk id="19" creationId="{90DF5BC9-FD4E-84C4-DCCE-A6B6BD5C7A02}"/>
          </ac:spMkLst>
        </pc:spChg>
        <pc:spChg chg="add del mod">
          <ac:chgData name="Matias Vázquez Piñón" userId="2f86a967-3c9c-4a39-b538-7e6c0574d83d" providerId="ADAL" clId="{B0EC83BE-3AC5-42EC-8408-8B0ACB640EA4}" dt="2022-08-06T16:44:45.727" v="11463"/>
          <ac:spMkLst>
            <pc:docMk/>
            <pc:sldMk cId="3586460804" sldId="550"/>
            <ac:spMk id="22" creationId="{B682CFB5-6623-EA40-DDD1-F2096F21BB80}"/>
          </ac:spMkLst>
        </pc:spChg>
        <pc:spChg chg="add del mod">
          <ac:chgData name="Matias Vázquez Piñón" userId="2f86a967-3c9c-4a39-b538-7e6c0574d83d" providerId="ADAL" clId="{B0EC83BE-3AC5-42EC-8408-8B0ACB640EA4}" dt="2022-08-06T16:54:32.416" v="11553"/>
          <ac:spMkLst>
            <pc:docMk/>
            <pc:sldMk cId="3586460804" sldId="550"/>
            <ac:spMk id="28" creationId="{4AC6837A-25F3-988F-4907-C76D04EFC7D9}"/>
          </ac:spMkLst>
        </pc:spChg>
        <pc:spChg chg="add del mod">
          <ac:chgData name="Matias Vázquez Piñón" userId="2f86a967-3c9c-4a39-b538-7e6c0574d83d" providerId="ADAL" clId="{B0EC83BE-3AC5-42EC-8408-8B0ACB640EA4}" dt="2022-08-06T17:01:34.229" v="11602"/>
          <ac:spMkLst>
            <pc:docMk/>
            <pc:sldMk cId="3586460804" sldId="550"/>
            <ac:spMk id="33" creationId="{23F6FE2F-6FBD-3C19-5026-1A54CE7DC4D1}"/>
          </ac:spMkLst>
        </pc:spChg>
        <pc:spChg chg="add del mod">
          <ac:chgData name="Matias Vázquez Piñón" userId="2f86a967-3c9c-4a39-b538-7e6c0574d83d" providerId="ADAL" clId="{B0EC83BE-3AC5-42EC-8408-8B0ACB640EA4}" dt="2022-08-06T18:19:01.470" v="11681"/>
          <ac:spMkLst>
            <pc:docMk/>
            <pc:sldMk cId="3586460804" sldId="550"/>
            <ac:spMk id="38" creationId="{F0723125-4170-237B-68B9-635DD5914AF9}"/>
          </ac:spMkLst>
        </pc:spChg>
        <pc:graphicFrameChg chg="add del mod modGraphic">
          <ac:chgData name="Matias Vázquez Piñón" userId="2f86a967-3c9c-4a39-b538-7e6c0574d83d" providerId="ADAL" clId="{B0EC83BE-3AC5-42EC-8408-8B0ACB640EA4}" dt="2022-08-06T16:43:56.469" v="11462" actId="478"/>
          <ac:graphicFrameMkLst>
            <pc:docMk/>
            <pc:sldMk cId="3586460804" sldId="550"/>
            <ac:graphicFrameMk id="20" creationId="{B8C6D578-0ADC-8B32-E58A-DE272FEE5F40}"/>
          </ac:graphicFrameMkLst>
        </pc:graphicFrameChg>
        <pc:graphicFrameChg chg="add del">
          <ac:chgData name="Matias Vázquez Piñón" userId="2f86a967-3c9c-4a39-b538-7e6c0574d83d" providerId="ADAL" clId="{B0EC83BE-3AC5-42EC-8408-8B0ACB640EA4}" dt="2022-08-06T16:54:21.624" v="11552" actId="478"/>
          <ac:graphicFrameMkLst>
            <pc:docMk/>
            <pc:sldMk cId="3586460804" sldId="550"/>
            <ac:graphicFrameMk id="26" creationId="{7EDB4C60-5CAF-34BD-D6F5-9EF71FBA9883}"/>
          </ac:graphicFrameMkLst>
        </pc:graphicFrameChg>
        <pc:graphicFrameChg chg="add del">
          <ac:chgData name="Matias Vázquez Piñón" userId="2f86a967-3c9c-4a39-b538-7e6c0574d83d" providerId="ADAL" clId="{B0EC83BE-3AC5-42EC-8408-8B0ACB640EA4}" dt="2022-08-06T17:01:21.415" v="11601" actId="478"/>
          <ac:graphicFrameMkLst>
            <pc:docMk/>
            <pc:sldMk cId="3586460804" sldId="550"/>
            <ac:graphicFrameMk id="31" creationId="{10C90AC3-0F61-1232-5480-B69444561D2A}"/>
          </ac:graphicFrameMkLst>
        </pc:graphicFrameChg>
        <pc:graphicFrameChg chg="add del mod ord">
          <ac:chgData name="Matias Vázquez Piñón" userId="2f86a967-3c9c-4a39-b538-7e6c0574d83d" providerId="ADAL" clId="{B0EC83BE-3AC5-42EC-8408-8B0ACB640EA4}" dt="2022-08-06T18:18:49.508" v="11680" actId="478"/>
          <ac:graphicFrameMkLst>
            <pc:docMk/>
            <pc:sldMk cId="3586460804" sldId="550"/>
            <ac:graphicFrameMk id="36" creationId="{BF6AA54F-7936-743B-71DF-78FE6FF3537A}"/>
          </ac:graphicFrameMkLst>
        </pc:graphicFrameChg>
        <pc:graphicFrameChg chg="add mod modGraphic">
          <ac:chgData name="Matias Vázquez Piñón" userId="2f86a967-3c9c-4a39-b538-7e6c0574d83d" providerId="ADAL" clId="{B0EC83BE-3AC5-42EC-8408-8B0ACB640EA4}" dt="2022-08-06T22:27:55.542" v="11933"/>
          <ac:graphicFrameMkLst>
            <pc:docMk/>
            <pc:sldMk cId="3586460804" sldId="550"/>
            <ac:graphicFrameMk id="41" creationId="{D2C6990F-7527-412E-8913-829FC124A922}"/>
          </ac:graphicFrameMkLst>
        </pc:graphicFrameChg>
        <pc:graphicFrameChg chg="add del mod">
          <ac:chgData name="Matias Vázquez Piñón" userId="2f86a967-3c9c-4a39-b538-7e6c0574d83d" providerId="ADAL" clId="{B0EC83BE-3AC5-42EC-8408-8B0ACB640EA4}" dt="2022-08-06T18:45:38.559" v="11891" actId="478"/>
          <ac:graphicFrameMkLst>
            <pc:docMk/>
            <pc:sldMk cId="3586460804" sldId="550"/>
            <ac:graphicFrameMk id="45" creationId="{3963E8A2-E6BF-07DA-2297-4AA34EED6A51}"/>
          </ac:graphicFrameMkLst>
        </pc:graphicFrameChg>
        <pc:graphicFrameChg chg="add mod">
          <ac:chgData name="Matias Vázquez Piñón" userId="2f86a967-3c9c-4a39-b538-7e6c0574d83d" providerId="ADAL" clId="{B0EC83BE-3AC5-42EC-8408-8B0ACB640EA4}" dt="2022-08-06T22:28:13.191" v="11934" actId="1076"/>
          <ac:graphicFrameMkLst>
            <pc:docMk/>
            <pc:sldMk cId="3586460804" sldId="550"/>
            <ac:graphicFrameMk id="46" creationId="{F340B764-874C-2990-B8EA-46D244F58BF2}"/>
          </ac:graphicFrameMkLst>
        </pc:graphicFrameChg>
        <pc:graphicFrameChg chg="add mod">
          <ac:chgData name="Matias Vázquez Piñón" userId="2f86a967-3c9c-4a39-b538-7e6c0574d83d" providerId="ADAL" clId="{B0EC83BE-3AC5-42EC-8408-8B0ACB640EA4}" dt="2022-08-06T22:28:13.191" v="11934" actId="1076"/>
          <ac:graphicFrameMkLst>
            <pc:docMk/>
            <pc:sldMk cId="3586460804" sldId="550"/>
            <ac:graphicFrameMk id="47" creationId="{E940DF30-E34E-E50E-E167-AC138B525763}"/>
          </ac:graphicFrameMkLst>
        </pc:graphicFrameChg>
      </pc:sldChg>
      <pc:sldChg chg="addSp delSp modSp new mod">
        <pc:chgData name="Matias Vázquez Piñón" userId="2f86a967-3c9c-4a39-b538-7e6c0574d83d" providerId="ADAL" clId="{B0EC83BE-3AC5-42EC-8408-8B0ACB640EA4}" dt="2022-08-06T22:39:23.115" v="12856" actId="12100"/>
        <pc:sldMkLst>
          <pc:docMk/>
          <pc:sldMk cId="766226966" sldId="551"/>
        </pc:sldMkLst>
        <pc:spChg chg="mod">
          <ac:chgData name="Matias Vázquez Piñón" userId="2f86a967-3c9c-4a39-b538-7e6c0574d83d" providerId="ADAL" clId="{B0EC83BE-3AC5-42EC-8408-8B0ACB640EA4}" dt="2022-08-06T22:31:14.732" v="12005" actId="20577"/>
          <ac:spMkLst>
            <pc:docMk/>
            <pc:sldMk cId="766226966" sldId="551"/>
            <ac:spMk id="2" creationId="{DEDD15D5-2E59-82A7-B385-521981259FD7}"/>
          </ac:spMkLst>
        </pc:spChg>
        <pc:spChg chg="del">
          <ac:chgData name="Matias Vázquez Piñón" userId="2f86a967-3c9c-4a39-b538-7e6c0574d83d" providerId="ADAL" clId="{B0EC83BE-3AC5-42EC-8408-8B0ACB640EA4}" dt="2022-08-06T22:31:44.248" v="12006" actId="1032"/>
          <ac:spMkLst>
            <pc:docMk/>
            <pc:sldMk cId="766226966" sldId="551"/>
            <ac:spMk id="3" creationId="{7FABB5FE-D622-3B02-1F20-FBE46E2FE01B}"/>
          </ac:spMkLst>
        </pc:spChg>
        <pc:graphicFrameChg chg="add mod modGraphic">
          <ac:chgData name="Matias Vázquez Piñón" userId="2f86a967-3c9c-4a39-b538-7e6c0574d83d" providerId="ADAL" clId="{B0EC83BE-3AC5-42EC-8408-8B0ACB640EA4}" dt="2022-08-06T22:39:23.115" v="12856" actId="12100"/>
          <ac:graphicFrameMkLst>
            <pc:docMk/>
            <pc:sldMk cId="766226966" sldId="551"/>
            <ac:graphicFrameMk id="5" creationId="{E6E15600-74A8-F277-E01E-E51C4A73B16A}"/>
          </ac:graphicFrameMkLst>
        </pc:graphicFrameChg>
      </pc:sldChg>
      <pc:sldChg chg="addSp delSp modSp new mod">
        <pc:chgData name="Matias Vázquez Piñón" userId="2f86a967-3c9c-4a39-b538-7e6c0574d83d" providerId="ADAL" clId="{B0EC83BE-3AC5-42EC-8408-8B0ACB640EA4}" dt="2022-08-07T18:35:25.109" v="13504" actId="12100"/>
        <pc:sldMkLst>
          <pc:docMk/>
          <pc:sldMk cId="2235137213" sldId="552"/>
        </pc:sldMkLst>
        <pc:spChg chg="mod">
          <ac:chgData name="Matias Vázquez Piñón" userId="2f86a967-3c9c-4a39-b538-7e6c0574d83d" providerId="ADAL" clId="{B0EC83BE-3AC5-42EC-8408-8B0ACB640EA4}" dt="2022-08-06T22:53:13.218" v="12881" actId="20577"/>
          <ac:spMkLst>
            <pc:docMk/>
            <pc:sldMk cId="2235137213" sldId="552"/>
            <ac:spMk id="2" creationId="{3333DBF8-F242-73F5-E177-FE52F1459A6F}"/>
          </ac:spMkLst>
        </pc:spChg>
        <pc:spChg chg="del mod">
          <ac:chgData name="Matias Vázquez Piñón" userId="2f86a967-3c9c-4a39-b538-7e6c0574d83d" providerId="ADAL" clId="{B0EC83BE-3AC5-42EC-8408-8B0ACB640EA4}" dt="2022-08-06T23:13:24.456" v="13398" actId="12084"/>
          <ac:spMkLst>
            <pc:docMk/>
            <pc:sldMk cId="2235137213" sldId="552"/>
            <ac:spMk id="3" creationId="{080BD293-B730-5190-45E7-E896ED919991}"/>
          </ac:spMkLst>
        </pc:spChg>
        <pc:graphicFrameChg chg="add mod">
          <ac:chgData name="Matias Vázquez Piñón" userId="2f86a967-3c9c-4a39-b538-7e6c0574d83d" providerId="ADAL" clId="{B0EC83BE-3AC5-42EC-8408-8B0ACB640EA4}" dt="2022-08-07T18:35:25.109" v="13504" actId="12100"/>
          <ac:graphicFrameMkLst>
            <pc:docMk/>
            <pc:sldMk cId="2235137213" sldId="552"/>
            <ac:graphicFrameMk id="5" creationId="{C63E067C-723D-B83C-6EC9-5BC0535EB8D6}"/>
          </ac:graphicFrameMkLst>
        </pc:graphicFrameChg>
      </pc:sldChg>
      <pc:sldChg chg="addSp delSp modSp new del mod">
        <pc:chgData name="Matias Vázquez Piñón" userId="2f86a967-3c9c-4a39-b538-7e6c0574d83d" providerId="ADAL" clId="{B0EC83BE-3AC5-42EC-8408-8B0ACB640EA4}" dt="2022-08-06T23:14:41.974" v="13427" actId="47"/>
        <pc:sldMkLst>
          <pc:docMk/>
          <pc:sldMk cId="1016576752" sldId="553"/>
        </pc:sldMkLst>
        <pc:spChg chg="del">
          <ac:chgData name="Matias Vázquez Piñón" userId="2f86a967-3c9c-4a39-b538-7e6c0574d83d" providerId="ADAL" clId="{B0EC83BE-3AC5-42EC-8408-8B0ACB640EA4}" dt="2022-08-06T23:03:14.471" v="13282" actId="1032"/>
          <ac:spMkLst>
            <pc:docMk/>
            <pc:sldMk cId="1016576752" sldId="553"/>
            <ac:spMk id="3" creationId="{C1F6E81F-DF9E-F2C2-2FBB-1E858F96BB85}"/>
          </ac:spMkLst>
        </pc:spChg>
        <pc:spChg chg="add del mod">
          <ac:chgData name="Matias Vázquez Piñón" userId="2f86a967-3c9c-4a39-b538-7e6c0574d83d" providerId="ADAL" clId="{B0EC83BE-3AC5-42EC-8408-8B0ACB640EA4}" dt="2022-08-06T23:03:56.638" v="13287"/>
          <ac:spMkLst>
            <pc:docMk/>
            <pc:sldMk cId="1016576752" sldId="553"/>
            <ac:spMk id="9" creationId="{52D09B5D-4541-9339-01E9-7E698594381A}"/>
          </ac:spMkLst>
        </pc:spChg>
        <pc:spChg chg="add del mod">
          <ac:chgData name="Matias Vázquez Piñón" userId="2f86a967-3c9c-4a39-b538-7e6c0574d83d" providerId="ADAL" clId="{B0EC83BE-3AC5-42EC-8408-8B0ACB640EA4}" dt="2022-08-06T23:07:14.582" v="13295" actId="1032"/>
          <ac:spMkLst>
            <pc:docMk/>
            <pc:sldMk cId="1016576752" sldId="553"/>
            <ac:spMk id="13" creationId="{5F38821D-E9CD-AAEE-67A9-6FDDC15E6477}"/>
          </ac:spMkLst>
        </pc:spChg>
        <pc:graphicFrameChg chg="add del mod modGraphic">
          <ac:chgData name="Matias Vázquez Piñón" userId="2f86a967-3c9c-4a39-b538-7e6c0574d83d" providerId="ADAL" clId="{B0EC83BE-3AC5-42EC-8408-8B0ACB640EA4}" dt="2022-08-06T23:03:47.735" v="13286" actId="478"/>
          <ac:graphicFrameMkLst>
            <pc:docMk/>
            <pc:sldMk cId="1016576752" sldId="553"/>
            <ac:graphicFrameMk id="7" creationId="{5B162F0F-7CEB-4DFF-22DA-15838A5666B0}"/>
          </ac:graphicFrameMkLst>
        </pc:graphicFrameChg>
        <pc:graphicFrameChg chg="add del">
          <ac:chgData name="Matias Vázquez Piñón" userId="2f86a967-3c9c-4a39-b538-7e6c0574d83d" providerId="ADAL" clId="{B0EC83BE-3AC5-42EC-8408-8B0ACB640EA4}" dt="2022-08-06T23:05:15.014" v="13290" actId="478"/>
          <ac:graphicFrameMkLst>
            <pc:docMk/>
            <pc:sldMk cId="1016576752" sldId="553"/>
            <ac:graphicFrameMk id="10" creationId="{11D200FC-43E9-C18C-7BC0-BA222A31002C}"/>
          </ac:graphicFrameMkLst>
        </pc:graphicFrameChg>
        <pc:graphicFrameChg chg="add del modGraphic">
          <ac:chgData name="Matias Vázquez Piñón" userId="2f86a967-3c9c-4a39-b538-7e6c0574d83d" providerId="ADAL" clId="{B0EC83BE-3AC5-42EC-8408-8B0ACB640EA4}" dt="2022-08-06T23:04:21.422" v="13289" actId="478"/>
          <ac:graphicFrameMkLst>
            <pc:docMk/>
            <pc:sldMk cId="1016576752" sldId="553"/>
            <ac:graphicFrameMk id="11" creationId="{7AEAA4CD-F430-9B57-48C6-E91276B3C140}"/>
          </ac:graphicFrameMkLst>
        </pc:graphicFrameChg>
        <pc:graphicFrameChg chg="add mod modGraphic">
          <ac:chgData name="Matias Vázquez Piñón" userId="2f86a967-3c9c-4a39-b538-7e6c0574d83d" providerId="ADAL" clId="{B0EC83BE-3AC5-42EC-8408-8B0ACB640EA4}" dt="2022-08-06T23:10:03.381" v="13397" actId="20577"/>
          <ac:graphicFrameMkLst>
            <pc:docMk/>
            <pc:sldMk cId="1016576752" sldId="553"/>
            <ac:graphicFrameMk id="14" creationId="{3CEBD26B-A101-FB1E-4D57-998D1821F557}"/>
          </ac:graphicFrameMkLst>
        </pc:graphicFrameChg>
      </pc:sldChg>
      <pc:sldChg chg="addSp delSp modSp new mod ord">
        <pc:chgData name="Matias Vázquez Piñón" userId="2f86a967-3c9c-4a39-b538-7e6c0574d83d" providerId="ADAL" clId="{B0EC83BE-3AC5-42EC-8408-8B0ACB640EA4}" dt="2022-08-08T17:41:05.400" v="15334" actId="20577"/>
        <pc:sldMkLst>
          <pc:docMk/>
          <pc:sldMk cId="3862573580" sldId="553"/>
        </pc:sldMkLst>
        <pc:spChg chg="mod">
          <ac:chgData name="Matias Vázquez Piñón" userId="2f86a967-3c9c-4a39-b538-7e6c0574d83d" providerId="ADAL" clId="{B0EC83BE-3AC5-42EC-8408-8B0ACB640EA4}" dt="2022-08-08T17:29:52.343" v="15168" actId="6549"/>
          <ac:spMkLst>
            <pc:docMk/>
            <pc:sldMk cId="3862573580" sldId="553"/>
            <ac:spMk id="2" creationId="{25453543-14BC-5E9D-FEF9-0715183A6DA8}"/>
          </ac:spMkLst>
        </pc:spChg>
        <pc:spChg chg="del mod">
          <ac:chgData name="Matias Vázquez Piñón" userId="2f86a967-3c9c-4a39-b538-7e6c0574d83d" providerId="ADAL" clId="{B0EC83BE-3AC5-42EC-8408-8B0ACB640EA4}" dt="2022-08-08T17:23:55.927" v="14642" actId="12084"/>
          <ac:spMkLst>
            <pc:docMk/>
            <pc:sldMk cId="3862573580" sldId="553"/>
            <ac:spMk id="3" creationId="{8099D9D5-3DED-C0A2-24C1-C8F7CAE9E954}"/>
          </ac:spMkLst>
        </pc:spChg>
        <pc:graphicFrameChg chg="add mod">
          <ac:chgData name="Matias Vázquez Piñón" userId="2f86a967-3c9c-4a39-b538-7e6c0574d83d" providerId="ADAL" clId="{B0EC83BE-3AC5-42EC-8408-8B0ACB640EA4}" dt="2022-08-08T17:41:05.400" v="15334" actId="20577"/>
          <ac:graphicFrameMkLst>
            <pc:docMk/>
            <pc:sldMk cId="3862573580" sldId="553"/>
            <ac:graphicFrameMk id="5" creationId="{FE354BEA-3C81-C901-A57E-18A79E6148C7}"/>
          </ac:graphicFrameMkLst>
        </pc:graphicFrameChg>
      </pc:sldChg>
      <pc:sldChg chg="addSp delSp modSp add del modAnim">
        <pc:chgData name="Matias Vázquez Piñón" userId="2f86a967-3c9c-4a39-b538-7e6c0574d83d" providerId="ADAL" clId="{B0EC83BE-3AC5-42EC-8408-8B0ACB640EA4}" dt="2022-08-09T19:04:23.144" v="15345" actId="47"/>
        <pc:sldMkLst>
          <pc:docMk/>
          <pc:sldMk cId="1593492871" sldId="558"/>
        </pc:sldMkLst>
        <pc:spChg chg="add del mod">
          <ac:chgData name="Matias Vázquez Piñón" userId="2f86a967-3c9c-4a39-b538-7e6c0574d83d" providerId="ADAL" clId="{B0EC83BE-3AC5-42EC-8408-8B0ACB640EA4}" dt="2022-08-09T18:40:59.922" v="15339"/>
          <ac:spMkLst>
            <pc:docMk/>
            <pc:sldMk cId="1593492871" sldId="558"/>
            <ac:spMk id="2" creationId="{FC6CB884-C655-9923-E3AA-700A4C6A3CF3}"/>
          </ac:spMkLst>
        </pc:spChg>
        <pc:spChg chg="add mod">
          <ac:chgData name="Matias Vázquez Piñón" userId="2f86a967-3c9c-4a39-b538-7e6c0574d83d" providerId="ADAL" clId="{B0EC83BE-3AC5-42EC-8408-8B0ACB640EA4}" dt="2022-08-09T18:41:22.305" v="15344" actId="478"/>
          <ac:spMkLst>
            <pc:docMk/>
            <pc:sldMk cId="1593492871" sldId="558"/>
            <ac:spMk id="4" creationId="{C5C9A3F2-01FD-CFDC-0D59-23A079769DE6}"/>
          </ac:spMkLst>
        </pc:spChg>
        <pc:spChg chg="del">
          <ac:chgData name="Matias Vázquez Piñón" userId="2f86a967-3c9c-4a39-b538-7e6c0574d83d" providerId="ADAL" clId="{B0EC83BE-3AC5-42EC-8408-8B0ACB640EA4}" dt="2022-08-09T18:40:35.237" v="15336" actId="478"/>
          <ac:spMkLst>
            <pc:docMk/>
            <pc:sldMk cId="1593492871" sldId="558"/>
            <ac:spMk id="10" creationId="{74E0161B-67D9-A1EC-F8B9-28EDA6E44D87}"/>
          </ac:spMkLst>
        </pc:spChg>
        <pc:spChg chg="del">
          <ac:chgData name="Matias Vázquez Piñón" userId="2f86a967-3c9c-4a39-b538-7e6c0574d83d" providerId="ADAL" clId="{B0EC83BE-3AC5-42EC-8408-8B0ACB640EA4}" dt="2022-08-09T18:40:35.237" v="15336" actId="478"/>
          <ac:spMkLst>
            <pc:docMk/>
            <pc:sldMk cId="1593492871" sldId="558"/>
            <ac:spMk id="11" creationId="{EC70F16B-D98A-87F6-B8A6-6CB6B03A9EE9}"/>
          </ac:spMkLst>
        </pc:spChg>
        <pc:spChg chg="del">
          <ac:chgData name="Matias Vázquez Piñón" userId="2f86a967-3c9c-4a39-b538-7e6c0574d83d" providerId="ADAL" clId="{B0EC83BE-3AC5-42EC-8408-8B0ACB640EA4}" dt="2022-08-09T18:40:35.237" v="15336" actId="478"/>
          <ac:spMkLst>
            <pc:docMk/>
            <pc:sldMk cId="1593492871" sldId="558"/>
            <ac:spMk id="12" creationId="{88447F3D-4768-829B-D282-2AF34023F4C0}"/>
          </ac:spMkLst>
        </pc:spChg>
        <pc:spChg chg="del">
          <ac:chgData name="Matias Vázquez Piñón" userId="2f86a967-3c9c-4a39-b538-7e6c0574d83d" providerId="ADAL" clId="{B0EC83BE-3AC5-42EC-8408-8B0ACB640EA4}" dt="2022-08-09T18:40:35.237" v="15336" actId="478"/>
          <ac:spMkLst>
            <pc:docMk/>
            <pc:sldMk cId="1593492871" sldId="558"/>
            <ac:spMk id="13" creationId="{D614186C-7ADE-51A5-F175-434295583B75}"/>
          </ac:spMkLst>
        </pc:spChg>
        <pc:spChg chg="del">
          <ac:chgData name="Matias Vázquez Piñón" userId="2f86a967-3c9c-4a39-b538-7e6c0574d83d" providerId="ADAL" clId="{B0EC83BE-3AC5-42EC-8408-8B0ACB640EA4}" dt="2022-08-09T18:40:35.237" v="15336" actId="478"/>
          <ac:spMkLst>
            <pc:docMk/>
            <pc:sldMk cId="1593492871" sldId="558"/>
            <ac:spMk id="14" creationId="{E11F1C11-3592-1619-83E2-BE3C195EEDDC}"/>
          </ac:spMkLst>
        </pc:spChg>
        <pc:spChg chg="del">
          <ac:chgData name="Matias Vázquez Piñón" userId="2f86a967-3c9c-4a39-b538-7e6c0574d83d" providerId="ADAL" clId="{B0EC83BE-3AC5-42EC-8408-8B0ACB640EA4}" dt="2022-08-09T18:40:35.237" v="15336" actId="478"/>
          <ac:spMkLst>
            <pc:docMk/>
            <pc:sldMk cId="1593492871" sldId="558"/>
            <ac:spMk id="15" creationId="{CCB380FD-0F75-FC81-52A7-623448DAFF98}"/>
          </ac:spMkLst>
        </pc:spChg>
        <pc:spChg chg="del">
          <ac:chgData name="Matias Vázquez Piñón" userId="2f86a967-3c9c-4a39-b538-7e6c0574d83d" providerId="ADAL" clId="{B0EC83BE-3AC5-42EC-8408-8B0ACB640EA4}" dt="2022-08-09T18:40:35.237" v="15336" actId="478"/>
          <ac:spMkLst>
            <pc:docMk/>
            <pc:sldMk cId="1593492871" sldId="558"/>
            <ac:spMk id="16" creationId="{B75EBA1D-0023-999E-3C31-7B5BBED9E6F5}"/>
          </ac:spMkLst>
        </pc:spChg>
        <pc:spChg chg="del">
          <ac:chgData name="Matias Vázquez Piñón" userId="2f86a967-3c9c-4a39-b538-7e6c0574d83d" providerId="ADAL" clId="{B0EC83BE-3AC5-42EC-8408-8B0ACB640EA4}" dt="2022-08-09T18:40:35.237" v="15336" actId="478"/>
          <ac:spMkLst>
            <pc:docMk/>
            <pc:sldMk cId="1593492871" sldId="558"/>
            <ac:spMk id="17" creationId="{F340D0BD-03F4-6EB7-FE33-C415390B5B0D}"/>
          </ac:spMkLst>
        </pc:spChg>
        <pc:spChg chg="del">
          <ac:chgData name="Matias Vázquez Piñón" userId="2f86a967-3c9c-4a39-b538-7e6c0574d83d" providerId="ADAL" clId="{B0EC83BE-3AC5-42EC-8408-8B0ACB640EA4}" dt="2022-08-09T18:40:35.237" v="15336" actId="478"/>
          <ac:spMkLst>
            <pc:docMk/>
            <pc:sldMk cId="1593492871" sldId="558"/>
            <ac:spMk id="18" creationId="{50B1F8DD-A969-8AF3-1E10-45BE7723ED9D}"/>
          </ac:spMkLst>
        </pc:spChg>
        <pc:spChg chg="del">
          <ac:chgData name="Matias Vázquez Piñón" userId="2f86a967-3c9c-4a39-b538-7e6c0574d83d" providerId="ADAL" clId="{B0EC83BE-3AC5-42EC-8408-8B0ACB640EA4}" dt="2022-08-09T18:40:35.237" v="15336" actId="478"/>
          <ac:spMkLst>
            <pc:docMk/>
            <pc:sldMk cId="1593492871" sldId="558"/>
            <ac:spMk id="19" creationId="{499D03EC-367A-7FA0-EF64-A0EF1F28A754}"/>
          </ac:spMkLst>
        </pc:spChg>
        <pc:spChg chg="del">
          <ac:chgData name="Matias Vázquez Piñón" userId="2f86a967-3c9c-4a39-b538-7e6c0574d83d" providerId="ADAL" clId="{B0EC83BE-3AC5-42EC-8408-8B0ACB640EA4}" dt="2022-08-09T18:40:35.237" v="15336" actId="478"/>
          <ac:spMkLst>
            <pc:docMk/>
            <pc:sldMk cId="1593492871" sldId="558"/>
            <ac:spMk id="20" creationId="{19D3D237-7A9F-390B-8E7A-78140E94087C}"/>
          </ac:spMkLst>
        </pc:spChg>
        <pc:picChg chg="add del mod">
          <ac:chgData name="Matias Vázquez Piñón" userId="2f86a967-3c9c-4a39-b538-7e6c0574d83d" providerId="ADAL" clId="{B0EC83BE-3AC5-42EC-8408-8B0ACB640EA4}" dt="2022-08-09T18:41:22.305" v="15344" actId="478"/>
          <ac:picMkLst>
            <pc:docMk/>
            <pc:sldMk cId="1593492871" sldId="558"/>
            <ac:picMk id="3" creationId="{6441B9BF-DA2E-1D8A-FD84-BE657E6C9A49}"/>
          </ac:picMkLst>
        </pc:picChg>
        <pc:picChg chg="del">
          <ac:chgData name="Matias Vázquez Piñón" userId="2f86a967-3c9c-4a39-b538-7e6c0574d83d" providerId="ADAL" clId="{B0EC83BE-3AC5-42EC-8408-8B0ACB640EA4}" dt="2022-08-09T18:40:35.237" v="15336" actId="478"/>
          <ac:picMkLst>
            <pc:docMk/>
            <pc:sldMk cId="1593492871" sldId="558"/>
            <ac:picMk id="7" creationId="{86B7E55C-1CAE-9D48-68BA-7D1381202A0B}"/>
          </ac:picMkLst>
        </pc:picChg>
        <pc:picChg chg="del">
          <ac:chgData name="Matias Vázquez Piñón" userId="2f86a967-3c9c-4a39-b538-7e6c0574d83d" providerId="ADAL" clId="{B0EC83BE-3AC5-42EC-8408-8B0ACB640EA4}" dt="2022-08-09T18:40:35.237" v="15336" actId="478"/>
          <ac:picMkLst>
            <pc:docMk/>
            <pc:sldMk cId="1593492871" sldId="558"/>
            <ac:picMk id="8" creationId="{072218B6-FA5B-4543-1ED8-2491057740AF}"/>
          </ac:picMkLst>
        </pc:picChg>
      </pc:sldChg>
      <pc:sldChg chg="modSp del mod">
        <pc:chgData name="Matias Vázquez Piñón" userId="2f86a967-3c9c-4a39-b538-7e6c0574d83d" providerId="ADAL" clId="{B0EC83BE-3AC5-42EC-8408-8B0ACB640EA4}" dt="2022-08-12T18:24:22.890" v="17757" actId="47"/>
        <pc:sldMkLst>
          <pc:docMk/>
          <pc:sldMk cId="2509311130" sldId="558"/>
        </pc:sldMkLst>
        <pc:spChg chg="mod">
          <ac:chgData name="Matias Vázquez Piñón" userId="2f86a967-3c9c-4a39-b538-7e6c0574d83d" providerId="ADAL" clId="{B0EC83BE-3AC5-42EC-8408-8B0ACB640EA4}" dt="2022-08-12T16:16:41.563" v="16960" actId="207"/>
          <ac:spMkLst>
            <pc:docMk/>
            <pc:sldMk cId="2509311130" sldId="558"/>
            <ac:spMk id="2" creationId="{8836E28A-C8FD-90F2-5BC3-5A59A7A3699C}"/>
          </ac:spMkLst>
        </pc:spChg>
      </pc:sldChg>
      <pc:sldChg chg="addSp delSp modSp new mod ord modClrScheme chgLayout">
        <pc:chgData name="Matias Vázquez Piñón" userId="2f86a967-3c9c-4a39-b538-7e6c0574d83d" providerId="ADAL" clId="{B0EC83BE-3AC5-42EC-8408-8B0ACB640EA4}" dt="2022-08-10T17:51:57.471" v="15682" actId="20577"/>
        <pc:sldMkLst>
          <pc:docMk/>
          <pc:sldMk cId="3516844474" sldId="559"/>
        </pc:sldMkLst>
        <pc:spChg chg="del mod ord">
          <ac:chgData name="Matias Vázquez Piñón" userId="2f86a967-3c9c-4a39-b538-7e6c0574d83d" providerId="ADAL" clId="{B0EC83BE-3AC5-42EC-8408-8B0ACB640EA4}" dt="2022-08-10T17:09:03.532" v="15600" actId="700"/>
          <ac:spMkLst>
            <pc:docMk/>
            <pc:sldMk cId="3516844474" sldId="559"/>
            <ac:spMk id="2" creationId="{1B45ADCF-E590-6053-1713-EF69FC3F6586}"/>
          </ac:spMkLst>
        </pc:spChg>
        <pc:spChg chg="mod ord">
          <ac:chgData name="Matias Vázquez Piñón" userId="2f86a967-3c9c-4a39-b538-7e6c0574d83d" providerId="ADAL" clId="{B0EC83BE-3AC5-42EC-8408-8B0ACB640EA4}" dt="2022-08-10T17:09:03.532" v="15600" actId="700"/>
          <ac:spMkLst>
            <pc:docMk/>
            <pc:sldMk cId="3516844474" sldId="559"/>
            <ac:spMk id="3" creationId="{C400C02A-B824-9789-D114-EFB7C26CC30A}"/>
          </ac:spMkLst>
        </pc:spChg>
        <pc:spChg chg="add mod ord">
          <ac:chgData name="Matias Vázquez Piñón" userId="2f86a967-3c9c-4a39-b538-7e6c0574d83d" providerId="ADAL" clId="{B0EC83BE-3AC5-42EC-8408-8B0ACB640EA4}" dt="2022-08-10T17:09:03.532" v="15600" actId="700"/>
          <ac:spMkLst>
            <pc:docMk/>
            <pc:sldMk cId="3516844474" sldId="559"/>
            <ac:spMk id="5" creationId="{F8FF56C1-5A8B-B9BF-A432-A60E49EDE66F}"/>
          </ac:spMkLst>
        </pc:spChg>
        <pc:spChg chg="add del mod ord">
          <ac:chgData name="Matias Vázquez Piñón" userId="2f86a967-3c9c-4a39-b538-7e6c0574d83d" providerId="ADAL" clId="{B0EC83BE-3AC5-42EC-8408-8B0ACB640EA4}" dt="2022-08-10T17:09:05.024" v="15601"/>
          <ac:spMkLst>
            <pc:docMk/>
            <pc:sldMk cId="3516844474" sldId="559"/>
            <ac:spMk id="6" creationId="{B5ACDCAB-A738-1646-7D3D-91961ED4F5D9}"/>
          </ac:spMkLst>
        </pc:spChg>
        <pc:graphicFrameChg chg="add del mod modGraphic">
          <ac:chgData name="Matias Vázquez Piñón" userId="2f86a967-3c9c-4a39-b538-7e6c0574d83d" providerId="ADAL" clId="{B0EC83BE-3AC5-42EC-8408-8B0ACB640EA4}" dt="2022-08-10T17:08:59.649" v="15599" actId="21"/>
          <ac:graphicFrameMkLst>
            <pc:docMk/>
            <pc:sldMk cId="3516844474" sldId="559"/>
            <ac:graphicFrameMk id="4" creationId="{01336DA6-6EAC-6568-EAFE-9B9EB4C02CFA}"/>
          </ac:graphicFrameMkLst>
        </pc:graphicFrameChg>
        <pc:graphicFrameChg chg="add mod">
          <ac:chgData name="Matias Vázquez Piñón" userId="2f86a967-3c9c-4a39-b538-7e6c0574d83d" providerId="ADAL" clId="{B0EC83BE-3AC5-42EC-8408-8B0ACB640EA4}" dt="2022-08-10T17:51:57.471" v="15682" actId="20577"/>
          <ac:graphicFrameMkLst>
            <pc:docMk/>
            <pc:sldMk cId="3516844474" sldId="559"/>
            <ac:graphicFrameMk id="7" creationId="{16A18C8B-4078-CB2C-E905-5E2AD8F31132}"/>
          </ac:graphicFrameMkLst>
        </pc:graphicFrameChg>
      </pc:sldChg>
      <pc:sldChg chg="addSp delSp modSp new mod modClrScheme chgLayout">
        <pc:chgData name="Matias Vázquez Piñón" userId="2f86a967-3c9c-4a39-b538-7e6c0574d83d" providerId="ADAL" clId="{B0EC83BE-3AC5-42EC-8408-8B0ACB640EA4}" dt="2022-08-12T18:23:44.924" v="17756" actId="255"/>
        <pc:sldMkLst>
          <pc:docMk/>
          <pc:sldMk cId="867128493" sldId="560"/>
        </pc:sldMkLst>
        <pc:spChg chg="mod ord">
          <ac:chgData name="Matias Vázquez Piñón" userId="2f86a967-3c9c-4a39-b538-7e6c0574d83d" providerId="ADAL" clId="{B0EC83BE-3AC5-42EC-8408-8B0ACB640EA4}" dt="2022-08-12T18:19:38.632" v="17691" actId="20577"/>
          <ac:spMkLst>
            <pc:docMk/>
            <pc:sldMk cId="867128493" sldId="560"/>
            <ac:spMk id="2" creationId="{70A1DBB2-D57D-358E-D26B-465FE1573A82}"/>
          </ac:spMkLst>
        </pc:spChg>
        <pc:spChg chg="del">
          <ac:chgData name="Matias Vázquez Piñón" userId="2f86a967-3c9c-4a39-b538-7e6c0574d83d" providerId="ADAL" clId="{B0EC83BE-3AC5-42EC-8408-8B0ACB640EA4}" dt="2022-08-12T15:52:05.488" v="16310" actId="700"/>
          <ac:spMkLst>
            <pc:docMk/>
            <pc:sldMk cId="867128493" sldId="560"/>
            <ac:spMk id="3" creationId="{942DB63A-81AC-0D53-7795-BD57568E07A9}"/>
          </ac:spMkLst>
        </pc:spChg>
        <pc:spChg chg="del">
          <ac:chgData name="Matias Vázquez Piñón" userId="2f86a967-3c9c-4a39-b538-7e6c0574d83d" providerId="ADAL" clId="{B0EC83BE-3AC5-42EC-8408-8B0ACB640EA4}" dt="2022-08-12T15:52:05.488" v="16310" actId="700"/>
          <ac:spMkLst>
            <pc:docMk/>
            <pc:sldMk cId="867128493" sldId="560"/>
            <ac:spMk id="4" creationId="{5E152A3C-672E-A969-0784-B7EC99174D64}"/>
          </ac:spMkLst>
        </pc:spChg>
        <pc:spChg chg="mod ord">
          <ac:chgData name="Matias Vázquez Piñón" userId="2f86a967-3c9c-4a39-b538-7e6c0574d83d" providerId="ADAL" clId="{B0EC83BE-3AC5-42EC-8408-8B0ACB640EA4}" dt="2022-08-12T15:59:02.457" v="16345" actId="700"/>
          <ac:spMkLst>
            <pc:docMk/>
            <pc:sldMk cId="867128493" sldId="560"/>
            <ac:spMk id="5" creationId="{8F895E4C-584D-8D65-7071-ECA55A484E6F}"/>
          </ac:spMkLst>
        </pc:spChg>
        <pc:spChg chg="add del mod">
          <ac:chgData name="Matias Vázquez Piñón" userId="2f86a967-3c9c-4a39-b538-7e6c0574d83d" providerId="ADAL" clId="{B0EC83BE-3AC5-42EC-8408-8B0ACB640EA4}" dt="2022-08-12T15:59:35.693" v="16350" actId="478"/>
          <ac:spMkLst>
            <pc:docMk/>
            <pc:sldMk cId="867128493" sldId="560"/>
            <ac:spMk id="6" creationId="{912F70FB-52B5-0786-34A1-27368BF4E9DA}"/>
          </ac:spMkLst>
        </pc:spChg>
        <pc:spChg chg="add del mod">
          <ac:chgData name="Matias Vázquez Piñón" userId="2f86a967-3c9c-4a39-b538-7e6c0574d83d" providerId="ADAL" clId="{B0EC83BE-3AC5-42EC-8408-8B0ACB640EA4}" dt="2022-08-12T15:59:36.862" v="16352" actId="478"/>
          <ac:spMkLst>
            <pc:docMk/>
            <pc:sldMk cId="867128493" sldId="560"/>
            <ac:spMk id="7" creationId="{2254D254-7C95-AEE9-47F7-FFCF6B2F90B3}"/>
          </ac:spMkLst>
        </pc:spChg>
        <pc:spChg chg="add del mod">
          <ac:chgData name="Matias Vázquez Piñón" userId="2f86a967-3c9c-4a39-b538-7e6c0574d83d" providerId="ADAL" clId="{B0EC83BE-3AC5-42EC-8408-8B0ACB640EA4}" dt="2022-08-12T16:00:35.786" v="16382" actId="21"/>
          <ac:spMkLst>
            <pc:docMk/>
            <pc:sldMk cId="867128493" sldId="560"/>
            <ac:spMk id="8" creationId="{CA2B208D-03CB-9C90-D9D0-1D7DC9535F39}"/>
          </ac:spMkLst>
        </pc:spChg>
        <pc:spChg chg="add del mod">
          <ac:chgData name="Matias Vázquez Piñón" userId="2f86a967-3c9c-4a39-b538-7e6c0574d83d" providerId="ADAL" clId="{B0EC83BE-3AC5-42EC-8408-8B0ACB640EA4}" dt="2022-08-10T17:45:40.709" v="15643" actId="21"/>
          <ac:spMkLst>
            <pc:docMk/>
            <pc:sldMk cId="867128493" sldId="560"/>
            <ac:spMk id="9" creationId="{203BE3F8-4B32-3253-531C-AF8FE43DBF58}"/>
          </ac:spMkLst>
        </pc:spChg>
        <pc:spChg chg="add del mod">
          <ac:chgData name="Matias Vázquez Piñón" userId="2f86a967-3c9c-4a39-b538-7e6c0574d83d" providerId="ADAL" clId="{B0EC83BE-3AC5-42EC-8408-8B0ACB640EA4}" dt="2022-08-10T17:45:40.709" v="15643" actId="21"/>
          <ac:spMkLst>
            <pc:docMk/>
            <pc:sldMk cId="867128493" sldId="560"/>
            <ac:spMk id="10" creationId="{3826CF1C-75A4-A517-705F-2EC35AB6D050}"/>
          </ac:spMkLst>
        </pc:spChg>
        <pc:spChg chg="add del mod">
          <ac:chgData name="Matias Vázquez Piñón" userId="2f86a967-3c9c-4a39-b538-7e6c0574d83d" providerId="ADAL" clId="{B0EC83BE-3AC5-42EC-8408-8B0ACB640EA4}" dt="2022-08-12T15:51:59.472" v="16308" actId="478"/>
          <ac:spMkLst>
            <pc:docMk/>
            <pc:sldMk cId="867128493" sldId="560"/>
            <ac:spMk id="11" creationId="{A993BAA3-8B04-04DA-79C0-47FD1E49AD45}"/>
          </ac:spMkLst>
        </pc:spChg>
        <pc:spChg chg="add del mod">
          <ac:chgData name="Matias Vázquez Piñón" userId="2f86a967-3c9c-4a39-b538-7e6c0574d83d" providerId="ADAL" clId="{B0EC83BE-3AC5-42EC-8408-8B0ACB640EA4}" dt="2022-08-12T15:52:01.539" v="16309" actId="478"/>
          <ac:spMkLst>
            <pc:docMk/>
            <pc:sldMk cId="867128493" sldId="560"/>
            <ac:spMk id="12" creationId="{40B2CB56-BA65-C177-3112-5E874D17F031}"/>
          </ac:spMkLst>
        </pc:spChg>
        <pc:spChg chg="add mod ord">
          <ac:chgData name="Matias Vázquez Piñón" userId="2f86a967-3c9c-4a39-b538-7e6c0574d83d" providerId="ADAL" clId="{B0EC83BE-3AC5-42EC-8408-8B0ACB640EA4}" dt="2022-08-12T18:23:28.701" v="17753" actId="27636"/>
          <ac:spMkLst>
            <pc:docMk/>
            <pc:sldMk cId="867128493" sldId="560"/>
            <ac:spMk id="13" creationId="{F1C0750F-3976-9233-2542-0B515FE4B9DE}"/>
          </ac:spMkLst>
        </pc:spChg>
        <pc:spChg chg="add mod ord">
          <ac:chgData name="Matias Vázquez Piñón" userId="2f86a967-3c9c-4a39-b538-7e6c0574d83d" providerId="ADAL" clId="{B0EC83BE-3AC5-42EC-8408-8B0ACB640EA4}" dt="2022-08-12T18:23:44.924" v="17756" actId="255"/>
          <ac:spMkLst>
            <pc:docMk/>
            <pc:sldMk cId="867128493" sldId="560"/>
            <ac:spMk id="14" creationId="{50F19A36-B650-4187-ADCF-7D725079901C}"/>
          </ac:spMkLst>
        </pc:spChg>
        <pc:spChg chg="add del mod">
          <ac:chgData name="Matias Vázquez Piñón" userId="2f86a967-3c9c-4a39-b538-7e6c0574d83d" providerId="ADAL" clId="{B0EC83BE-3AC5-42EC-8408-8B0ACB640EA4}" dt="2022-08-12T16:00:35.786" v="16382" actId="21"/>
          <ac:spMkLst>
            <pc:docMk/>
            <pc:sldMk cId="867128493" sldId="560"/>
            <ac:spMk id="15" creationId="{F9E4D997-8CCC-56A9-2B7C-4C2A14D71983}"/>
          </ac:spMkLst>
        </pc:spChg>
        <pc:spChg chg="add del mod">
          <ac:chgData name="Matias Vázquez Piñón" userId="2f86a967-3c9c-4a39-b538-7e6c0574d83d" providerId="ADAL" clId="{B0EC83BE-3AC5-42EC-8408-8B0ACB640EA4}" dt="2022-08-12T16:00:35.786" v="16382" actId="21"/>
          <ac:spMkLst>
            <pc:docMk/>
            <pc:sldMk cId="867128493" sldId="560"/>
            <ac:spMk id="16" creationId="{61637EB5-5920-369E-50C6-79CE162D74A5}"/>
          </ac:spMkLst>
        </pc:spChg>
        <pc:spChg chg="add del mod">
          <ac:chgData name="Matias Vázquez Piñón" userId="2f86a967-3c9c-4a39-b538-7e6c0574d83d" providerId="ADAL" clId="{B0EC83BE-3AC5-42EC-8408-8B0ACB640EA4}" dt="2022-08-12T16:15:54.156" v="16925" actId="478"/>
          <ac:spMkLst>
            <pc:docMk/>
            <pc:sldMk cId="867128493" sldId="560"/>
            <ac:spMk id="17" creationId="{BE8EF588-4460-8202-468F-71CAB0F927EB}"/>
          </ac:spMkLst>
        </pc:spChg>
        <pc:spChg chg="add del mod">
          <ac:chgData name="Matias Vázquez Piñón" userId="2f86a967-3c9c-4a39-b538-7e6c0574d83d" providerId="ADAL" clId="{B0EC83BE-3AC5-42EC-8408-8B0ACB640EA4}" dt="2022-08-12T16:15:54.156" v="16925" actId="478"/>
          <ac:spMkLst>
            <pc:docMk/>
            <pc:sldMk cId="867128493" sldId="560"/>
            <ac:spMk id="18" creationId="{AEFE9608-A2F7-506B-CFDF-625F721AF928}"/>
          </ac:spMkLst>
        </pc:spChg>
        <pc:spChg chg="add del mod">
          <ac:chgData name="Matias Vázquez Piñón" userId="2f86a967-3c9c-4a39-b538-7e6c0574d83d" providerId="ADAL" clId="{B0EC83BE-3AC5-42EC-8408-8B0ACB640EA4}" dt="2022-08-12T16:15:54.156" v="16925" actId="478"/>
          <ac:spMkLst>
            <pc:docMk/>
            <pc:sldMk cId="867128493" sldId="560"/>
            <ac:spMk id="19" creationId="{71AF66A3-7C85-BA1E-B991-624ECDAF4ED0}"/>
          </ac:spMkLst>
        </pc:spChg>
        <pc:spChg chg="add mod topLvl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20" creationId="{BFCE5AC4-76F7-9C6C-0363-99E46D9CC349}"/>
          </ac:spMkLst>
        </pc:spChg>
        <pc:spChg chg="add mod topLvl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21" creationId="{82ED40E4-69A5-D020-1EAF-3D10B74199A1}"/>
          </ac:spMkLst>
        </pc:spChg>
        <pc:spChg chg="add del mod">
          <ac:chgData name="Matias Vázquez Piñón" userId="2f86a967-3c9c-4a39-b538-7e6c0574d83d" providerId="ADAL" clId="{B0EC83BE-3AC5-42EC-8408-8B0ACB640EA4}" dt="2022-08-12T16:01:08.365" v="16388" actId="478"/>
          <ac:spMkLst>
            <pc:docMk/>
            <pc:sldMk cId="867128493" sldId="560"/>
            <ac:spMk id="22" creationId="{05AC653D-5F83-7E45-CD54-031AEE38CEC1}"/>
          </ac:spMkLst>
        </pc:spChg>
        <pc:spChg chg="add del mod topLvl">
          <ac:chgData name="Matias Vázquez Piñón" userId="2f86a967-3c9c-4a39-b538-7e6c0574d83d" providerId="ADAL" clId="{B0EC83BE-3AC5-42EC-8408-8B0ACB640EA4}" dt="2022-08-12T16:25:09.398" v="17103" actId="478"/>
          <ac:spMkLst>
            <pc:docMk/>
            <pc:sldMk cId="867128493" sldId="560"/>
            <ac:spMk id="23" creationId="{D246065F-049C-AD8B-1947-EC0A8FC524D5}"/>
          </ac:spMkLst>
        </pc:spChg>
        <pc:spChg chg="add mod topLvl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24" creationId="{3676D5F6-CCCB-C617-4059-1603B655C3A0}"/>
          </ac:spMkLst>
        </pc:spChg>
        <pc:spChg chg="add mod topLvl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25" creationId="{9066E105-DCC5-3F2E-180C-163051867339}"/>
          </ac:spMkLst>
        </pc:spChg>
        <pc:spChg chg="mod topLvl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28" creationId="{5BD910E1-6EF1-A07E-801E-04933733DC88}"/>
          </ac:spMkLst>
        </pc:spChg>
        <pc:spChg chg="mod topLvl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29" creationId="{82005BAD-1864-29A0-ECF5-B1EC27F734B7}"/>
          </ac:spMkLst>
        </pc:spChg>
        <pc:spChg chg="del mod topLvl">
          <ac:chgData name="Matias Vázquez Piñón" userId="2f86a967-3c9c-4a39-b538-7e6c0574d83d" providerId="ADAL" clId="{B0EC83BE-3AC5-42EC-8408-8B0ACB640EA4}" dt="2022-08-12T16:28:23.177" v="17173" actId="478"/>
          <ac:spMkLst>
            <pc:docMk/>
            <pc:sldMk cId="867128493" sldId="560"/>
            <ac:spMk id="30" creationId="{D2C34325-B446-1F16-D263-D2A8F020FBDB}"/>
          </ac:spMkLst>
        </pc:spChg>
        <pc:spChg chg="del mod topLvl">
          <ac:chgData name="Matias Vázquez Piñón" userId="2f86a967-3c9c-4a39-b538-7e6c0574d83d" providerId="ADAL" clId="{B0EC83BE-3AC5-42EC-8408-8B0ACB640EA4}" dt="2022-08-12T16:17:56.053" v="16971" actId="478"/>
          <ac:spMkLst>
            <pc:docMk/>
            <pc:sldMk cId="867128493" sldId="560"/>
            <ac:spMk id="31" creationId="{B979A986-ADBB-6F59-64F1-D84A44B01B78}"/>
          </ac:spMkLst>
        </pc:spChg>
        <pc:spChg chg="del mod topLvl">
          <ac:chgData name="Matias Vázquez Piñón" userId="2f86a967-3c9c-4a39-b538-7e6c0574d83d" providerId="ADAL" clId="{B0EC83BE-3AC5-42EC-8408-8B0ACB640EA4}" dt="2022-08-12T16:17:54.264" v="16970" actId="478"/>
          <ac:spMkLst>
            <pc:docMk/>
            <pc:sldMk cId="867128493" sldId="560"/>
            <ac:spMk id="32" creationId="{6CAAD80C-631F-A17F-6A91-86AE35BF8E61}"/>
          </ac:spMkLst>
        </pc:spChg>
        <pc:spChg chg="add mod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33" creationId="{790A3B10-F7E1-02E9-1548-36DCE5C36EA0}"/>
          </ac:spMkLst>
        </pc:spChg>
        <pc:spChg chg="add del mod">
          <ac:chgData name="Matias Vázquez Piñón" userId="2f86a967-3c9c-4a39-b538-7e6c0574d83d" providerId="ADAL" clId="{B0EC83BE-3AC5-42EC-8408-8B0ACB640EA4}" dt="2022-08-12T16:19:54.474" v="17024" actId="478"/>
          <ac:spMkLst>
            <pc:docMk/>
            <pc:sldMk cId="867128493" sldId="560"/>
            <ac:spMk id="34" creationId="{878A9DDF-1B52-612A-C07A-C2C2B41F0B60}"/>
          </ac:spMkLst>
        </pc:spChg>
        <pc:spChg chg="add del mod">
          <ac:chgData name="Matias Vázquez Piñón" userId="2f86a967-3c9c-4a39-b538-7e6c0574d83d" providerId="ADAL" clId="{B0EC83BE-3AC5-42EC-8408-8B0ACB640EA4}" dt="2022-08-12T16:28:22.570" v="17172" actId="478"/>
          <ac:spMkLst>
            <pc:docMk/>
            <pc:sldMk cId="867128493" sldId="560"/>
            <ac:spMk id="35" creationId="{D76BEEBB-E501-1328-F0EF-8CE8DFC22AF5}"/>
          </ac:spMkLst>
        </pc:spChg>
        <pc:spChg chg="add del mod">
          <ac:chgData name="Matias Vázquez Piñón" userId="2f86a967-3c9c-4a39-b538-7e6c0574d83d" providerId="ADAL" clId="{B0EC83BE-3AC5-42EC-8408-8B0ACB640EA4}" dt="2022-08-12T16:21:03.886" v="17030" actId="478"/>
          <ac:spMkLst>
            <pc:docMk/>
            <pc:sldMk cId="867128493" sldId="560"/>
            <ac:spMk id="36" creationId="{9F620513-EFD8-F089-A9FA-389E06612867}"/>
          </ac:spMkLst>
        </pc:spChg>
        <pc:spChg chg="add del mod">
          <ac:chgData name="Matias Vázquez Piñón" userId="2f86a967-3c9c-4a39-b538-7e6c0574d83d" providerId="ADAL" clId="{B0EC83BE-3AC5-42EC-8408-8B0ACB640EA4}" dt="2022-08-12T16:23:27.310" v="17069" actId="478"/>
          <ac:spMkLst>
            <pc:docMk/>
            <pc:sldMk cId="867128493" sldId="560"/>
            <ac:spMk id="37" creationId="{1931A2D1-C1FF-2FDA-2C73-C0CE356D2C78}"/>
          </ac:spMkLst>
        </pc:spChg>
        <pc:spChg chg="add del mod">
          <ac:chgData name="Matias Vázquez Piñón" userId="2f86a967-3c9c-4a39-b538-7e6c0574d83d" providerId="ADAL" clId="{B0EC83BE-3AC5-42EC-8408-8B0ACB640EA4}" dt="2022-08-12T16:22:41.989" v="17063" actId="478"/>
          <ac:spMkLst>
            <pc:docMk/>
            <pc:sldMk cId="867128493" sldId="560"/>
            <ac:spMk id="38" creationId="{C26E192C-E388-4E82-BC35-E0D78DA50AC7}"/>
          </ac:spMkLst>
        </pc:spChg>
        <pc:spChg chg="add del mod">
          <ac:chgData name="Matias Vázquez Piñón" userId="2f86a967-3c9c-4a39-b538-7e6c0574d83d" providerId="ADAL" clId="{B0EC83BE-3AC5-42EC-8408-8B0ACB640EA4}" dt="2022-08-12T16:24:33.165" v="17089" actId="478"/>
          <ac:spMkLst>
            <pc:docMk/>
            <pc:sldMk cId="867128493" sldId="560"/>
            <ac:spMk id="43" creationId="{D99A65FC-BEE9-FD58-9321-026D428EBFDE}"/>
          </ac:spMkLst>
        </pc:spChg>
        <pc:spChg chg="add mod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44" creationId="{3ABD1338-28D7-344A-AD0D-EDDAA07754C5}"/>
          </ac:spMkLst>
        </pc:spChg>
        <pc:spChg chg="add del mod">
          <ac:chgData name="Matias Vázquez Piñón" userId="2f86a967-3c9c-4a39-b538-7e6c0574d83d" providerId="ADAL" clId="{B0EC83BE-3AC5-42EC-8408-8B0ACB640EA4}" dt="2022-08-12T16:26:07.940" v="17108" actId="478"/>
          <ac:spMkLst>
            <pc:docMk/>
            <pc:sldMk cId="867128493" sldId="560"/>
            <ac:spMk id="45" creationId="{209FC4D0-58E1-F8AA-3D10-062D572AE052}"/>
          </ac:spMkLst>
        </pc:spChg>
        <pc:spChg chg="add del mod">
          <ac:chgData name="Matias Vázquez Piñón" userId="2f86a967-3c9c-4a39-b538-7e6c0574d83d" providerId="ADAL" clId="{B0EC83BE-3AC5-42EC-8408-8B0ACB640EA4}" dt="2022-08-12T16:26:53.181" v="17119" actId="478"/>
          <ac:spMkLst>
            <pc:docMk/>
            <pc:sldMk cId="867128493" sldId="560"/>
            <ac:spMk id="46" creationId="{A5BC36E7-5ECA-A979-133B-951102BB2833}"/>
          </ac:spMkLst>
        </pc:spChg>
        <pc:spChg chg="add del">
          <ac:chgData name="Matias Vázquez Piñón" userId="2f86a967-3c9c-4a39-b538-7e6c0574d83d" providerId="ADAL" clId="{B0EC83BE-3AC5-42EC-8408-8B0ACB640EA4}" dt="2022-08-12T16:27:00.201" v="17121" actId="478"/>
          <ac:spMkLst>
            <pc:docMk/>
            <pc:sldMk cId="867128493" sldId="560"/>
            <ac:spMk id="47" creationId="{D0967EA7-1D04-F222-EDFC-F7005649861E}"/>
          </ac:spMkLst>
        </pc:spChg>
        <pc:spChg chg="add mod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48" creationId="{B9B3EE84-89AE-DC0B-05DF-89C118656E3D}"/>
          </ac:spMkLst>
        </pc:spChg>
        <pc:spChg chg="add mod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49" creationId="{E1D89F15-978F-48D3-0F7B-D1FB4C53B032}"/>
          </ac:spMkLst>
        </pc:spChg>
        <pc:spChg chg="add mod ord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50" creationId="{F60D62BF-28B4-B725-8B04-DEA76A51E518}"/>
          </ac:spMkLst>
        </pc:spChg>
        <pc:spChg chg="add mod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51" creationId="{B1F700C4-43C3-9310-53E4-4485EB8F4646}"/>
          </ac:spMkLst>
        </pc:spChg>
        <pc:spChg chg="add mod">
          <ac:chgData name="Matias Vázquez Piñón" userId="2f86a967-3c9c-4a39-b538-7e6c0574d83d" providerId="ADAL" clId="{B0EC83BE-3AC5-42EC-8408-8B0ACB640EA4}" dt="2022-08-12T16:30:58.025" v="17245" actId="571"/>
          <ac:spMkLst>
            <pc:docMk/>
            <pc:sldMk cId="867128493" sldId="560"/>
            <ac:spMk id="52" creationId="{87A8DE6A-A523-F566-E79E-5FDCB3490D0A}"/>
          </ac:spMkLst>
        </pc:spChg>
        <pc:spChg chg="add mod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53" creationId="{EBEA9D91-EDE4-5149-4A10-51894B136203}"/>
          </ac:spMkLst>
        </pc:spChg>
        <pc:spChg chg="add mod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54" creationId="{972FAD78-C8FB-A65B-5A55-F7EA75AF952C}"/>
          </ac:spMkLst>
        </pc:spChg>
        <pc:spChg chg="add mod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63" creationId="{5B393097-B882-CFC4-6567-7899279BC42E}"/>
          </ac:spMkLst>
        </pc:spChg>
        <pc:spChg chg="add mod">
          <ac:chgData name="Matias Vázquez Piñón" userId="2f86a967-3c9c-4a39-b538-7e6c0574d83d" providerId="ADAL" clId="{B0EC83BE-3AC5-42EC-8408-8B0ACB640EA4}" dt="2022-08-12T18:17:49.629" v="17660" actId="1076"/>
          <ac:spMkLst>
            <pc:docMk/>
            <pc:sldMk cId="867128493" sldId="560"/>
            <ac:spMk id="64" creationId="{D4F29CDF-4818-2D02-5300-4F9085BA2C6F}"/>
          </ac:spMkLst>
        </pc:spChg>
        <pc:spChg chg="add del mod">
          <ac:chgData name="Matias Vázquez Piñón" userId="2f86a967-3c9c-4a39-b538-7e6c0574d83d" providerId="ADAL" clId="{B0EC83BE-3AC5-42EC-8408-8B0ACB640EA4}" dt="2022-08-12T18:20:18.295" v="17695"/>
          <ac:spMkLst>
            <pc:docMk/>
            <pc:sldMk cId="867128493" sldId="560"/>
            <ac:spMk id="65" creationId="{5E5C5465-4A2D-0D59-2598-FA67E1683C81}"/>
          </ac:spMkLst>
        </pc:spChg>
        <pc:spChg chg="add del mod">
          <ac:chgData name="Matias Vázquez Piñón" userId="2f86a967-3c9c-4a39-b538-7e6c0574d83d" providerId="ADAL" clId="{B0EC83BE-3AC5-42EC-8408-8B0ACB640EA4}" dt="2022-08-12T18:22:56.760" v="17752" actId="478"/>
          <ac:spMkLst>
            <pc:docMk/>
            <pc:sldMk cId="867128493" sldId="560"/>
            <ac:spMk id="66" creationId="{D0176A2C-407F-1BBD-6251-D34162581CF3}"/>
          </ac:spMkLst>
        </pc:spChg>
        <pc:grpChg chg="add del mod">
          <ac:chgData name="Matias Vázquez Piñón" userId="2f86a967-3c9c-4a39-b538-7e6c0574d83d" providerId="ADAL" clId="{B0EC83BE-3AC5-42EC-8408-8B0ACB640EA4}" dt="2022-08-12T16:20:36.856" v="17026" actId="165"/>
          <ac:grpSpMkLst>
            <pc:docMk/>
            <pc:sldMk cId="867128493" sldId="560"/>
            <ac:grpSpMk id="26" creationId="{E9BCE0EE-34A8-A096-3FCB-982532E0AEED}"/>
          </ac:grpSpMkLst>
        </pc:grpChg>
        <pc:grpChg chg="add del mod">
          <ac:chgData name="Matias Vázquez Piñón" userId="2f86a967-3c9c-4a39-b538-7e6c0574d83d" providerId="ADAL" clId="{B0EC83BE-3AC5-42EC-8408-8B0ACB640EA4}" dt="2022-08-12T16:17:07.747" v="16965" actId="165"/>
          <ac:grpSpMkLst>
            <pc:docMk/>
            <pc:sldMk cId="867128493" sldId="560"/>
            <ac:grpSpMk id="27" creationId="{BE6F767C-B2E8-17F6-7C9A-90D3C32AF5C5}"/>
          </ac:grpSpMkLst>
        </pc:grpChg>
        <pc:cxnChg chg="add mod">
          <ac:chgData name="Matias Vázquez Piñón" userId="2f86a967-3c9c-4a39-b538-7e6c0574d83d" providerId="ADAL" clId="{B0EC83BE-3AC5-42EC-8408-8B0ACB640EA4}" dt="2022-08-12T18:17:49.629" v="17660" actId="1076"/>
          <ac:cxnSpMkLst>
            <pc:docMk/>
            <pc:sldMk cId="867128493" sldId="560"/>
            <ac:cxnSpMk id="39" creationId="{06D9CE4C-C09A-1E29-2EE4-DCC97F0C6ECD}"/>
          </ac:cxnSpMkLst>
        </pc:cxnChg>
        <pc:cxnChg chg="add mod">
          <ac:chgData name="Matias Vázquez Piñón" userId="2f86a967-3c9c-4a39-b538-7e6c0574d83d" providerId="ADAL" clId="{B0EC83BE-3AC5-42EC-8408-8B0ACB640EA4}" dt="2022-08-12T18:17:49.629" v="17660" actId="1076"/>
          <ac:cxnSpMkLst>
            <pc:docMk/>
            <pc:sldMk cId="867128493" sldId="560"/>
            <ac:cxnSpMk id="55" creationId="{D5A9AE40-7BE5-614C-CDEB-FD1FB7618441}"/>
          </ac:cxnSpMkLst>
        </pc:cxnChg>
        <pc:cxnChg chg="add mod">
          <ac:chgData name="Matias Vázquez Piñón" userId="2f86a967-3c9c-4a39-b538-7e6c0574d83d" providerId="ADAL" clId="{B0EC83BE-3AC5-42EC-8408-8B0ACB640EA4}" dt="2022-08-12T18:17:49.629" v="17660" actId="1076"/>
          <ac:cxnSpMkLst>
            <pc:docMk/>
            <pc:sldMk cId="867128493" sldId="560"/>
            <ac:cxnSpMk id="58" creationId="{C69CE14F-EE77-2EBE-2AE1-16C2FA452C5D}"/>
          </ac:cxnSpMkLst>
        </pc:cxnChg>
      </pc:sldChg>
      <pc:sldChg chg="addSp delSp modSp new del mod">
        <pc:chgData name="Matias Vázquez Piñón" userId="2f86a967-3c9c-4a39-b538-7e6c0574d83d" providerId="ADAL" clId="{B0EC83BE-3AC5-42EC-8408-8B0ACB640EA4}" dt="2022-08-11T17:58:17.983" v="15950" actId="47"/>
        <pc:sldMkLst>
          <pc:docMk/>
          <pc:sldMk cId="167744847" sldId="561"/>
        </pc:sldMkLst>
        <pc:spChg chg="mod">
          <ac:chgData name="Matias Vázquez Piñón" userId="2f86a967-3c9c-4a39-b538-7e6c0574d83d" providerId="ADAL" clId="{B0EC83BE-3AC5-42EC-8408-8B0ACB640EA4}" dt="2022-08-10T17:58:01.842" v="15718"/>
          <ac:spMkLst>
            <pc:docMk/>
            <pc:sldMk cId="167744847" sldId="561"/>
            <ac:spMk id="2" creationId="{065D1BA7-6DC6-D44F-C24F-F6B036DA57D4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4" creationId="{84BBFADD-1DAA-1C36-42B2-654AAE19333A}"/>
          </ac:spMkLst>
        </pc:spChg>
        <pc:spChg chg="add del mod">
          <ac:chgData name="Matias Vázquez Piñón" userId="2f86a967-3c9c-4a39-b538-7e6c0574d83d" providerId="ADAL" clId="{B0EC83BE-3AC5-42EC-8408-8B0ACB640EA4}" dt="2022-08-11T17:51:08.714" v="15808" actId="21"/>
          <ac:spMkLst>
            <pc:docMk/>
            <pc:sldMk cId="167744847" sldId="561"/>
            <ac:spMk id="5" creationId="{B7A5EC36-85C1-E74E-0BDC-EF98F5C3585A}"/>
          </ac:spMkLst>
        </pc:spChg>
        <pc:spChg chg="add del mod">
          <ac:chgData name="Matias Vázquez Piñón" userId="2f86a967-3c9c-4a39-b538-7e6c0574d83d" providerId="ADAL" clId="{B0EC83BE-3AC5-42EC-8408-8B0ACB640EA4}" dt="2022-08-10T17:59:20.286" v="15728" actId="478"/>
          <ac:spMkLst>
            <pc:docMk/>
            <pc:sldMk cId="167744847" sldId="561"/>
            <ac:spMk id="6" creationId="{9DD5D905-A7F0-AD6D-C250-EC2337D00196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7" creationId="{6551AEBE-6196-F840-F450-293BFA0757C5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8" creationId="{F47E1074-C374-0D4F-2BDC-B48EEFF74BF7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9" creationId="{5B7AB2E4-AFAC-27BB-9648-3F8A0057DF5B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10" creationId="{EDDCAF6F-0D38-053F-F8DC-0A4E43C57789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11" creationId="{22C2F3F8-3141-36C0-C662-56C1ACD247B4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12" creationId="{C8E8FEF7-97DC-94B7-D38F-E87529EDBF52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13" creationId="{640C9A96-2C23-4181-2E67-6D2318697835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14" creationId="{135181D9-B54D-76D0-1188-BCE85FCFDD7B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15" creationId="{14CF9794-E1D1-15A6-2A2F-8295EA909DE4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16" creationId="{590C8843-F4DA-3E3D-28BF-47E794D0FE1C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17" creationId="{C10EAF4E-D872-1603-0923-560F1EEE7D5B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18" creationId="{A37D55F9-A7D3-25FE-0D9E-1F2417B8532C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19" creationId="{9C9C10CF-4EB6-8F8B-DA5D-45C5FBFAF263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20" creationId="{3B490F55-3C08-E910-E816-90603FDD0CCC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21" creationId="{253A7B8C-55C1-795A-57A8-4A457E038295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22" creationId="{20C0B698-B6B4-9830-3CE6-C285AD8D008E}"/>
          </ac:spMkLst>
        </pc:spChg>
        <pc:spChg chg="add mod">
          <ac:chgData name="Matias Vázquez Piñón" userId="2f86a967-3c9c-4a39-b538-7e6c0574d83d" providerId="ADAL" clId="{B0EC83BE-3AC5-42EC-8408-8B0ACB640EA4}" dt="2022-08-10T17:59:28.539" v="15729" actId="1076"/>
          <ac:spMkLst>
            <pc:docMk/>
            <pc:sldMk cId="167744847" sldId="561"/>
            <ac:spMk id="23" creationId="{884CBB36-FC2F-8002-C719-9034F1BCD20F}"/>
          </ac:spMkLst>
        </pc:spChg>
        <pc:cxnChg chg="add mod">
          <ac:chgData name="Matias Vázquez Piñón" userId="2f86a967-3c9c-4a39-b538-7e6c0574d83d" providerId="ADAL" clId="{B0EC83BE-3AC5-42EC-8408-8B0ACB640EA4}" dt="2022-08-10T17:59:28.539" v="15729" actId="1076"/>
          <ac:cxnSpMkLst>
            <pc:docMk/>
            <pc:sldMk cId="167744847" sldId="561"/>
            <ac:cxnSpMk id="24" creationId="{A9725FEA-94FC-FC3D-AF1F-C1442A25E02E}"/>
          </ac:cxnSpMkLst>
        </pc:cxnChg>
        <pc:cxnChg chg="add mod">
          <ac:chgData name="Matias Vázquez Piñón" userId="2f86a967-3c9c-4a39-b538-7e6c0574d83d" providerId="ADAL" clId="{B0EC83BE-3AC5-42EC-8408-8B0ACB640EA4}" dt="2022-08-10T17:59:28.539" v="15729" actId="1076"/>
          <ac:cxnSpMkLst>
            <pc:docMk/>
            <pc:sldMk cId="167744847" sldId="561"/>
            <ac:cxnSpMk id="25" creationId="{98F8A8F5-1074-F1BE-4E87-D82D157420BB}"/>
          </ac:cxnSpMkLst>
        </pc:cxnChg>
      </pc:sldChg>
      <pc:sldChg chg="addSp delSp modSp add mod modAnim">
        <pc:chgData name="Matias Vázquez Piñón" userId="2f86a967-3c9c-4a39-b538-7e6c0574d83d" providerId="ADAL" clId="{B0EC83BE-3AC5-42EC-8408-8B0ACB640EA4}" dt="2022-08-13T15:56:04.524" v="17922" actId="207"/>
        <pc:sldMkLst>
          <pc:docMk/>
          <pc:sldMk cId="909293760" sldId="562"/>
        </pc:sldMkLst>
        <pc:spChg chg="mod">
          <ac:chgData name="Matias Vázquez Piñón" userId="2f86a967-3c9c-4a39-b538-7e6c0574d83d" providerId="ADAL" clId="{B0EC83BE-3AC5-42EC-8408-8B0ACB640EA4}" dt="2022-08-10T18:01:31.449" v="15735" actId="2711"/>
          <ac:spMkLst>
            <pc:docMk/>
            <pc:sldMk cId="909293760" sldId="562"/>
            <ac:spMk id="3" creationId="{529FE81E-4E24-9619-EADD-10A9EDC49A29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4" creationId="{84BBFADD-1DAA-1C36-42B2-654AAE19333A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4" creationId="{910504BB-8D3B-0869-949C-C7D094F11DC6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5" creationId="{5BE4A015-2B26-2866-FE45-507B64F8D983}"/>
          </ac:spMkLst>
        </pc:spChg>
        <pc:spChg chg="del">
          <ac:chgData name="Matias Vázquez Piñón" userId="2f86a967-3c9c-4a39-b538-7e6c0574d83d" providerId="ADAL" clId="{B0EC83BE-3AC5-42EC-8408-8B0ACB640EA4}" dt="2022-08-10T18:00:45.235" v="15732" actId="478"/>
          <ac:spMkLst>
            <pc:docMk/>
            <pc:sldMk cId="909293760" sldId="562"/>
            <ac:spMk id="5" creationId="{B7A5EC36-85C1-E74E-0BDC-EF98F5C3585A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6" creationId="{674372C0-A44C-1C05-0DDF-F2CCA1F2CB3D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7" creationId="{417A1A5B-C089-C7A9-7CC8-6AB5AD75F0E0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7" creationId="{6551AEBE-6196-F840-F450-293BFA0757C5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8" creationId="{33618A0D-D45D-973F-E0EA-57CF38E0E24B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8" creationId="{F47E1074-C374-0D4F-2BDC-B48EEFF74BF7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9" creationId="{3900FCB7-2659-4F5D-7530-1D18F80EA87D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9" creationId="{5B7AB2E4-AFAC-27BB-9648-3F8A0057DF5B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10" creationId="{30D9A9A7-33BC-A056-0F17-368A4F648538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10" creationId="{EDDCAF6F-0D38-053F-F8DC-0A4E43C57789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11" creationId="{22C2F3F8-3141-36C0-C662-56C1ACD247B4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11" creationId="{25FE8C6D-248B-CF77-BA1A-573F76C35091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12" creationId="{C8E8FEF7-97DC-94B7-D38F-E87529EDBF52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12" creationId="{ED0C1AE8-FB21-5F22-9865-7C143405102C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13" creationId="{27562597-04DC-BC87-37B8-9E3EDC42234E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13" creationId="{640C9A96-2C23-4181-2E67-6D2318697835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14" creationId="{135181D9-B54D-76D0-1188-BCE85FCFDD7B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14" creationId="{77D70C0D-2DD4-F33F-1C62-729C434E0C71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15" creationId="{14CF9794-E1D1-15A6-2A2F-8295EA909DE4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15" creationId="{B6403A51-E8BD-F023-1C96-BBE940DE0F9C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16" creationId="{590C8843-F4DA-3E3D-28BF-47E794D0FE1C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16" creationId="{6B06CE37-DEBC-AB15-930A-36986F081750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17" creationId="{52EE68A0-5973-32C2-4D9B-B69D1FFB90F1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17" creationId="{C10EAF4E-D872-1603-0923-560F1EEE7D5B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18" creationId="{3D03F226-B5D9-6805-A792-DDCFF0330186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18" creationId="{A37D55F9-A7D3-25FE-0D9E-1F2417B8532C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19" creationId="{9C9C10CF-4EB6-8F8B-DA5D-45C5FBFAF263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19" creationId="{D884033F-AAEB-63F8-BAE0-5C8A4C309A88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20" creationId="{3B490F55-3C08-E910-E816-90603FDD0CCC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20" creationId="{951300E2-B7BF-A9B7-B567-3232737B01A4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21" creationId="{253A7B8C-55C1-795A-57A8-4A457E038295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21" creationId="{49B40947-0044-CF10-1F7A-E48E673079DF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22" creationId="{20C0B698-B6B4-9830-3CE6-C285AD8D008E}"/>
          </ac:spMkLst>
        </pc:spChg>
        <pc:spChg chg="del">
          <ac:chgData name="Matias Vázquez Piñón" userId="2f86a967-3c9c-4a39-b538-7e6c0574d83d" providerId="ADAL" clId="{B0EC83BE-3AC5-42EC-8408-8B0ACB640EA4}" dt="2022-08-10T18:00:42.976" v="15731" actId="478"/>
          <ac:spMkLst>
            <pc:docMk/>
            <pc:sldMk cId="909293760" sldId="562"/>
            <ac:spMk id="23" creationId="{884CBB36-FC2F-8002-C719-9034F1BCD20F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24" creationId="{496D09BC-63C6-D378-7E62-289E2E13B75D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25" creationId="{99B4C5DB-8A29-97FA-4EFB-A194C1412067}"/>
          </ac:spMkLst>
        </pc:spChg>
        <pc:spChg chg="add mod">
          <ac:chgData name="Matias Vázquez Piñón" userId="2f86a967-3c9c-4a39-b538-7e6c0574d83d" providerId="ADAL" clId="{B0EC83BE-3AC5-42EC-8408-8B0ACB640EA4}" dt="2022-08-12T18:30:58.923" v="17847" actId="20577"/>
          <ac:spMkLst>
            <pc:docMk/>
            <pc:sldMk cId="909293760" sldId="562"/>
            <ac:spMk id="26" creationId="{76F6A26D-CAE8-F840-3F68-2D6BD66A8736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27" creationId="{6DEDD67A-2DF8-9E38-5DEC-2393EC6B91AD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28" creationId="{727CFB64-F139-71D1-3C27-B0C58658C738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29" creationId="{4F1364B0-79BE-865A-D9C2-A0441B75F154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30" creationId="{9CFA64EA-C497-90C1-F3BE-ECD307AD134C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31" creationId="{0BCE8965-4F0D-8934-C324-CF80642794F0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32" creationId="{3892D726-F652-D42A-3F99-A2596CD5ADB3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33" creationId="{A2355727-7BFC-E449-B9D6-93F5EF89B3FD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34" creationId="{D3A9CF1C-0A5F-40AA-C02A-F1517D4FF886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35" creationId="{ABA1B924-3760-6430-67E8-E3CF5BAA83DD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36" creationId="{12934C82-9DED-D2EF-7426-7899E7436440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37" creationId="{AA17545C-CDDA-EA4A-79ED-7C99A69D9B9D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38" creationId="{955257D0-EEE3-CC5E-DD4A-6946602EDC3B}"/>
          </ac:spMkLst>
        </pc:spChg>
        <pc:spChg chg="add del mod or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39" creationId="{1143C708-C2FD-931A-7C0D-5042CCA65050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40" creationId="{13080CE2-B9DB-80DF-4454-1FC36D69C2BD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41" creationId="{58C96FA6-C283-A1A6-501C-730DE7868895}"/>
          </ac:spMkLst>
        </pc:spChg>
        <pc:spChg chg="add del mod or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42" creationId="{65237817-DDD7-E94C-C122-64C947C20DF9}"/>
          </ac:spMkLst>
        </pc:spChg>
        <pc:spChg chg="add del mod topLvl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43" creationId="{BBEA72E8-39F5-3FA0-702E-D21201B2CBB7}"/>
          </ac:spMkLst>
        </pc:spChg>
        <pc:spChg chg="add del mod">
          <ac:chgData name="Matias Vázquez Piñón" userId="2f86a967-3c9c-4a39-b538-7e6c0574d83d" providerId="ADAL" clId="{B0EC83BE-3AC5-42EC-8408-8B0ACB640EA4}" dt="2022-08-12T16:05:50.521" v="16428" actId="478"/>
          <ac:spMkLst>
            <pc:docMk/>
            <pc:sldMk cId="909293760" sldId="562"/>
            <ac:spMk id="46" creationId="{10E77B32-1273-AD0D-7420-63BD084AF600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47" creationId="{84B48082-C928-627E-4E8A-BC37C7646A58}"/>
          </ac:spMkLst>
        </pc:spChg>
        <pc:spChg chg="add del mod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48" creationId="{E77EBE53-9CF7-8899-D7EA-4F5F85A93CDE}"/>
          </ac:spMkLst>
        </pc:spChg>
        <pc:spChg chg="add del mod">
          <ac:chgData name="Matias Vázquez Piñón" userId="2f86a967-3c9c-4a39-b538-7e6c0574d83d" providerId="ADAL" clId="{B0EC83BE-3AC5-42EC-8408-8B0ACB640EA4}" dt="2022-08-12T16:02:13.887" v="16409" actId="478"/>
          <ac:spMkLst>
            <pc:docMk/>
            <pc:sldMk cId="909293760" sldId="562"/>
            <ac:spMk id="49" creationId="{5697BE9E-0BAC-0AA9-641D-1B5FDDBD1D7E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50" creationId="{E4CE071B-6F9E-5042-AE5B-CC20981E01B5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51" creationId="{A987DFD9-8DE5-2558-7989-A211AE78AB3F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52" creationId="{4142590A-2FA1-8734-300F-09F13BA74A22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53" creationId="{B30C3D19-DB0E-EDE0-2E2E-D09DC4A7ED2A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54" creationId="{AD6D5D44-C6F3-E26A-D7B2-664309A6B094}"/>
          </ac:spMkLst>
        </pc:spChg>
        <pc:spChg chg="add mod">
          <ac:chgData name="Matias Vázquez Piñón" userId="2f86a967-3c9c-4a39-b538-7e6c0574d83d" providerId="ADAL" clId="{B0EC83BE-3AC5-42EC-8408-8B0ACB640EA4}" dt="2022-08-13T15:56:04.524" v="17922" actId="207"/>
          <ac:spMkLst>
            <pc:docMk/>
            <pc:sldMk cId="909293760" sldId="562"/>
            <ac:spMk id="55" creationId="{FC3550A7-C7DC-A09B-A581-0C22D4E47ED8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56" creationId="{43313FEB-B6D4-BA30-EC8B-3255561D0F61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57" creationId="{38897DBA-7DF7-3177-2B17-1DB92889084D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58" creationId="{697111F5-E8D7-B92F-A696-9AD55EBAC951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59" creationId="{B3D45440-BE92-867F-4B35-6CEDAEA2EAB2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60" creationId="{A5FE5BAF-3ACE-C702-0630-52CB9384A2F0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61" creationId="{B0A5D8C8-6E2E-ADE6-F175-CA3CDC97DE91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62" creationId="{CDE1A752-30C9-2305-E4FD-1318F28DB1D3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63" creationId="{DF8F8FF9-89D5-B6A3-8807-E8C604027809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64" creationId="{CD399447-F974-6C8B-2D40-91CF2EB5933D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65" creationId="{6C9C32E6-0986-0385-A681-8215F3170DB1}"/>
          </ac:spMkLst>
        </pc:spChg>
        <pc:spChg chg="add mod">
          <ac:chgData name="Matias Vázquez Piñón" userId="2f86a967-3c9c-4a39-b538-7e6c0574d83d" providerId="ADAL" clId="{B0EC83BE-3AC5-42EC-8408-8B0ACB640EA4}" dt="2022-08-12T16:05:50.704" v="16429"/>
          <ac:spMkLst>
            <pc:docMk/>
            <pc:sldMk cId="909293760" sldId="562"/>
            <ac:spMk id="68" creationId="{3E96ECB5-BB0D-35ED-3362-2B760AB3B09A}"/>
          </ac:spMkLst>
        </pc:spChg>
        <pc:spChg chg="add mod">
          <ac:chgData name="Matias Vázquez Piñón" userId="2f86a967-3c9c-4a39-b538-7e6c0574d83d" providerId="ADAL" clId="{B0EC83BE-3AC5-42EC-8408-8B0ACB640EA4}" dt="2022-08-12T18:25:23.695" v="17759" actId="207"/>
          <ac:spMkLst>
            <pc:docMk/>
            <pc:sldMk cId="909293760" sldId="562"/>
            <ac:spMk id="69" creationId="{653518F6-38F6-8204-8FBB-66FC743443DB}"/>
          </ac:spMkLst>
        </pc:spChg>
        <pc:spChg chg="add mod">
          <ac:chgData name="Matias Vázquez Piñón" userId="2f86a967-3c9c-4a39-b538-7e6c0574d83d" providerId="ADAL" clId="{B0EC83BE-3AC5-42EC-8408-8B0ACB640EA4}" dt="2022-08-12T18:25:23.695" v="17759" actId="207"/>
          <ac:spMkLst>
            <pc:docMk/>
            <pc:sldMk cId="909293760" sldId="562"/>
            <ac:spMk id="70" creationId="{3C48E380-3E43-12C1-7B23-0A4EA09147A3}"/>
          </ac:spMkLst>
        </pc:spChg>
        <pc:grpChg chg="add del mod">
          <ac:chgData name="Matias Vázquez Piñón" userId="2f86a967-3c9c-4a39-b538-7e6c0574d83d" providerId="ADAL" clId="{B0EC83BE-3AC5-42EC-8408-8B0ACB640EA4}" dt="2022-08-11T18:13:19.058" v="16169" actId="165"/>
          <ac:grpSpMkLst>
            <pc:docMk/>
            <pc:sldMk cId="909293760" sldId="562"/>
            <ac:grpSpMk id="47" creationId="{96DE0282-B9BB-1983-06B1-71E329370078}"/>
          </ac:grpSpMkLst>
        </pc:grpChg>
        <pc:graphicFrameChg chg="add mod modGraphic">
          <ac:chgData name="Matias Vázquez Piñón" userId="2f86a967-3c9c-4a39-b538-7e6c0574d83d" providerId="ADAL" clId="{B0EC83BE-3AC5-42EC-8408-8B0ACB640EA4}" dt="2022-08-12T18:33:18.590" v="17867" actId="1076"/>
          <ac:graphicFrameMkLst>
            <pc:docMk/>
            <pc:sldMk cId="909293760" sldId="562"/>
            <ac:graphicFrameMk id="71" creationId="{824B92D9-9A48-BDD7-8E3B-67A6E659472A}"/>
          </ac:graphicFrameMkLst>
        </pc:graphicFrameChg>
        <pc:cxnChg chg="add del mod">
          <ac:chgData name="Matias Vázquez Piñón" userId="2f86a967-3c9c-4a39-b538-7e6c0574d83d" providerId="ADAL" clId="{B0EC83BE-3AC5-42EC-8408-8B0ACB640EA4}" dt="2022-08-12T16:05:50.521" v="16428" actId="478"/>
          <ac:cxnSpMkLst>
            <pc:docMk/>
            <pc:sldMk cId="909293760" sldId="562"/>
            <ac:cxnSpMk id="22" creationId="{C095E012-B78E-55E1-6517-EE1F56E5B100}"/>
          </ac:cxnSpMkLst>
        </pc:cxnChg>
        <pc:cxnChg chg="add del mod">
          <ac:chgData name="Matias Vázquez Piñón" userId="2f86a967-3c9c-4a39-b538-7e6c0574d83d" providerId="ADAL" clId="{B0EC83BE-3AC5-42EC-8408-8B0ACB640EA4}" dt="2022-08-12T16:05:50.521" v="16428" actId="478"/>
          <ac:cxnSpMkLst>
            <pc:docMk/>
            <pc:sldMk cId="909293760" sldId="562"/>
            <ac:cxnSpMk id="23" creationId="{193F3E1B-F4D8-C003-9838-FD3D1B36E9BA}"/>
          </ac:cxnSpMkLst>
        </pc:cxnChg>
        <pc:cxnChg chg="del">
          <ac:chgData name="Matias Vázquez Piñón" userId="2f86a967-3c9c-4a39-b538-7e6c0574d83d" providerId="ADAL" clId="{B0EC83BE-3AC5-42EC-8408-8B0ACB640EA4}" dt="2022-08-10T18:00:42.976" v="15731" actId="478"/>
          <ac:cxnSpMkLst>
            <pc:docMk/>
            <pc:sldMk cId="909293760" sldId="562"/>
            <ac:cxnSpMk id="24" creationId="{A9725FEA-94FC-FC3D-AF1F-C1442A25E02E}"/>
          </ac:cxnSpMkLst>
        </pc:cxnChg>
        <pc:cxnChg chg="del">
          <ac:chgData name="Matias Vázquez Piñón" userId="2f86a967-3c9c-4a39-b538-7e6c0574d83d" providerId="ADAL" clId="{B0EC83BE-3AC5-42EC-8408-8B0ACB640EA4}" dt="2022-08-10T18:00:42.976" v="15731" actId="478"/>
          <ac:cxnSpMkLst>
            <pc:docMk/>
            <pc:sldMk cId="909293760" sldId="562"/>
            <ac:cxnSpMk id="25" creationId="{98F8A8F5-1074-F1BE-4E87-D82D157420BB}"/>
          </ac:cxnSpMkLst>
        </pc:cxnChg>
        <pc:cxnChg chg="add del mod topLvl">
          <ac:chgData name="Matias Vázquez Piñón" userId="2f86a967-3c9c-4a39-b538-7e6c0574d83d" providerId="ADAL" clId="{B0EC83BE-3AC5-42EC-8408-8B0ACB640EA4}" dt="2022-08-12T16:02:13.887" v="16409" actId="478"/>
          <ac:cxnSpMkLst>
            <pc:docMk/>
            <pc:sldMk cId="909293760" sldId="562"/>
            <ac:cxnSpMk id="44" creationId="{B1103DDF-2BF1-B206-6A7E-D56BA5168CDF}"/>
          </ac:cxnSpMkLst>
        </pc:cxnChg>
        <pc:cxnChg chg="add del mod topLvl">
          <ac:chgData name="Matias Vázquez Piñón" userId="2f86a967-3c9c-4a39-b538-7e6c0574d83d" providerId="ADAL" clId="{B0EC83BE-3AC5-42EC-8408-8B0ACB640EA4}" dt="2022-08-12T16:02:13.887" v="16409" actId="478"/>
          <ac:cxnSpMkLst>
            <pc:docMk/>
            <pc:sldMk cId="909293760" sldId="562"/>
            <ac:cxnSpMk id="45" creationId="{504ED93E-D603-875A-F034-11B62B24A32B}"/>
          </ac:cxnSpMkLst>
        </pc:cxnChg>
        <pc:cxnChg chg="add mod">
          <ac:chgData name="Matias Vázquez Piñón" userId="2f86a967-3c9c-4a39-b538-7e6c0574d83d" providerId="ADAL" clId="{B0EC83BE-3AC5-42EC-8408-8B0ACB640EA4}" dt="2022-08-12T16:05:50.704" v="16429"/>
          <ac:cxnSpMkLst>
            <pc:docMk/>
            <pc:sldMk cId="909293760" sldId="562"/>
            <ac:cxnSpMk id="66" creationId="{623792D7-21AA-64BD-AA92-D5260EBC05C2}"/>
          </ac:cxnSpMkLst>
        </pc:cxnChg>
        <pc:cxnChg chg="add mod">
          <ac:chgData name="Matias Vázquez Piñón" userId="2f86a967-3c9c-4a39-b538-7e6c0574d83d" providerId="ADAL" clId="{B0EC83BE-3AC5-42EC-8408-8B0ACB640EA4}" dt="2022-08-12T16:05:50.704" v="16429"/>
          <ac:cxnSpMkLst>
            <pc:docMk/>
            <pc:sldMk cId="909293760" sldId="562"/>
            <ac:cxnSpMk id="67" creationId="{A6D65FA0-7990-9696-4E56-AD15BB86923E}"/>
          </ac:cxnSpMkLst>
        </pc:cxnChg>
      </pc:sldChg>
      <pc:sldChg chg="addSp delSp modSp new mod modAnim">
        <pc:chgData name="Matias Vázquez Piñón" userId="2f86a967-3c9c-4a39-b538-7e6c0574d83d" providerId="ADAL" clId="{B0EC83BE-3AC5-42EC-8408-8B0ACB640EA4}" dt="2022-08-12T18:25:19.283" v="17758" actId="207"/>
        <pc:sldMkLst>
          <pc:docMk/>
          <pc:sldMk cId="1981470410" sldId="563"/>
        </pc:sldMkLst>
        <pc:spChg chg="mod">
          <ac:chgData name="Matias Vázquez Piñón" userId="2f86a967-3c9c-4a39-b538-7e6c0574d83d" providerId="ADAL" clId="{B0EC83BE-3AC5-42EC-8408-8B0ACB640EA4}" dt="2022-08-11T18:20:12.077" v="16281" actId="20577"/>
          <ac:spMkLst>
            <pc:docMk/>
            <pc:sldMk cId="1981470410" sldId="563"/>
            <ac:spMk id="2" creationId="{5350CBDF-0DE3-25BF-AA23-2F9DC4A16DB7}"/>
          </ac:spMkLst>
        </pc:spChg>
        <pc:spChg chg="add mod">
          <ac:chgData name="Matias Vázquez Piñón" userId="2f86a967-3c9c-4a39-b538-7e6c0574d83d" providerId="ADAL" clId="{B0EC83BE-3AC5-42EC-8408-8B0ACB640EA4}" dt="2022-08-12T16:05:39.486" v="16427" actId="207"/>
          <ac:spMkLst>
            <pc:docMk/>
            <pc:sldMk cId="1981470410" sldId="563"/>
            <ac:spMk id="4" creationId="{00F0B511-82E5-82F4-EE54-32A34D4CF0D2}"/>
          </ac:spMkLst>
        </pc:spChg>
        <pc:spChg chg="add mod ord">
          <ac:chgData name="Matias Vázquez Piñón" userId="2f86a967-3c9c-4a39-b538-7e6c0574d83d" providerId="ADAL" clId="{B0EC83BE-3AC5-42EC-8408-8B0ACB640EA4}" dt="2022-08-12T16:03:17.515" v="16418" actId="14100"/>
          <ac:spMkLst>
            <pc:docMk/>
            <pc:sldMk cId="1981470410" sldId="563"/>
            <ac:spMk id="7" creationId="{59727E95-DCF6-4BEE-BA99-4A93E50CEE22}"/>
          </ac:spMkLst>
        </pc:spChg>
        <pc:spChg chg="add mod ord">
          <ac:chgData name="Matias Vázquez Piñón" userId="2f86a967-3c9c-4a39-b538-7e6c0574d83d" providerId="ADAL" clId="{B0EC83BE-3AC5-42EC-8408-8B0ACB640EA4}" dt="2022-08-12T16:03:17.515" v="16418" actId="14100"/>
          <ac:spMkLst>
            <pc:docMk/>
            <pc:sldMk cId="1981470410" sldId="563"/>
            <ac:spMk id="8" creationId="{9993F652-1371-CB0A-3884-E0A513CF0D66}"/>
          </ac:spMkLst>
        </pc:spChg>
        <pc:spChg chg="add mod ord">
          <ac:chgData name="Matias Vázquez Piñón" userId="2f86a967-3c9c-4a39-b538-7e6c0574d83d" providerId="ADAL" clId="{B0EC83BE-3AC5-42EC-8408-8B0ACB640EA4}" dt="2022-08-12T16:03:17.515" v="16418" actId="14100"/>
          <ac:spMkLst>
            <pc:docMk/>
            <pc:sldMk cId="1981470410" sldId="563"/>
            <ac:spMk id="9" creationId="{A9847CF1-3ED6-DD83-DB5F-845448741041}"/>
          </ac:spMkLst>
        </pc:spChg>
        <pc:spChg chg="add mod ord">
          <ac:chgData name="Matias Vázquez Piñón" userId="2f86a967-3c9c-4a39-b538-7e6c0574d83d" providerId="ADAL" clId="{B0EC83BE-3AC5-42EC-8408-8B0ACB640EA4}" dt="2022-08-12T16:03:17.515" v="16418" actId="14100"/>
          <ac:spMkLst>
            <pc:docMk/>
            <pc:sldMk cId="1981470410" sldId="563"/>
            <ac:spMk id="10" creationId="{3790DBB2-1BDA-6E77-AC96-6C6DC2BBAE4D}"/>
          </ac:spMkLst>
        </pc:spChg>
        <pc:spChg chg="add mod ord">
          <ac:chgData name="Matias Vázquez Piñón" userId="2f86a967-3c9c-4a39-b538-7e6c0574d83d" providerId="ADAL" clId="{B0EC83BE-3AC5-42EC-8408-8B0ACB640EA4}" dt="2022-08-12T16:03:17.515" v="16418" actId="14100"/>
          <ac:spMkLst>
            <pc:docMk/>
            <pc:sldMk cId="1981470410" sldId="563"/>
            <ac:spMk id="11" creationId="{2BB54BCD-C5EE-F3E2-BFE6-E3D91B0970F1}"/>
          </ac:spMkLst>
        </pc:spChg>
        <pc:spChg chg="add mod ord">
          <ac:chgData name="Matias Vázquez Piñón" userId="2f86a967-3c9c-4a39-b538-7e6c0574d83d" providerId="ADAL" clId="{B0EC83BE-3AC5-42EC-8408-8B0ACB640EA4}" dt="2022-08-12T16:03:17.515" v="16418" actId="14100"/>
          <ac:spMkLst>
            <pc:docMk/>
            <pc:sldMk cId="1981470410" sldId="563"/>
            <ac:spMk id="12" creationId="{DAF74673-8881-81FD-8917-08F9D81F56A4}"/>
          </ac:spMkLst>
        </pc:spChg>
        <pc:spChg chg="add mod ord">
          <ac:chgData name="Matias Vázquez Piñón" userId="2f86a967-3c9c-4a39-b538-7e6c0574d83d" providerId="ADAL" clId="{B0EC83BE-3AC5-42EC-8408-8B0ACB640EA4}" dt="2022-08-12T16:03:17.515" v="16418" actId="14100"/>
          <ac:spMkLst>
            <pc:docMk/>
            <pc:sldMk cId="1981470410" sldId="563"/>
            <ac:spMk id="13" creationId="{19484D93-B0E5-CC2E-B788-528AE44D8DD3}"/>
          </ac:spMkLst>
        </pc:spChg>
        <pc:spChg chg="add mod">
          <ac:chgData name="Matias Vázquez Piñón" userId="2f86a967-3c9c-4a39-b538-7e6c0574d83d" providerId="ADAL" clId="{B0EC83BE-3AC5-42EC-8408-8B0ACB640EA4}" dt="2022-08-12T16:03:17.515" v="16418" actId="14100"/>
          <ac:spMkLst>
            <pc:docMk/>
            <pc:sldMk cId="1981470410" sldId="563"/>
            <ac:spMk id="14" creationId="{2CD0B36F-4A0E-9E4A-BE4A-099CEB2BD028}"/>
          </ac:spMkLst>
        </pc:spChg>
        <pc:spChg chg="add mod">
          <ac:chgData name="Matias Vázquez Piñón" userId="2f86a967-3c9c-4a39-b538-7e6c0574d83d" providerId="ADAL" clId="{B0EC83BE-3AC5-42EC-8408-8B0ACB640EA4}" dt="2022-08-11T18:18:15.416" v="16224"/>
          <ac:spMkLst>
            <pc:docMk/>
            <pc:sldMk cId="1981470410" sldId="563"/>
            <ac:spMk id="16" creationId="{487B8E4B-F166-15E7-6F1E-BA28733FE845}"/>
          </ac:spMkLst>
        </pc:spChg>
        <pc:spChg chg="add mod">
          <ac:chgData name="Matias Vázquez Piñón" userId="2f86a967-3c9c-4a39-b538-7e6c0574d83d" providerId="ADAL" clId="{B0EC83BE-3AC5-42EC-8408-8B0ACB640EA4}" dt="2022-08-11T18:18:15.416" v="16224"/>
          <ac:spMkLst>
            <pc:docMk/>
            <pc:sldMk cId="1981470410" sldId="563"/>
            <ac:spMk id="17" creationId="{300866EE-1AA6-BB11-7FD9-695C23910996}"/>
          </ac:spMkLst>
        </pc:spChg>
        <pc:spChg chg="add mod">
          <ac:chgData name="Matias Vázquez Piñón" userId="2f86a967-3c9c-4a39-b538-7e6c0574d83d" providerId="ADAL" clId="{B0EC83BE-3AC5-42EC-8408-8B0ACB640EA4}" dt="2022-08-12T16:03:05.983" v="16417" actId="208"/>
          <ac:spMkLst>
            <pc:docMk/>
            <pc:sldMk cId="1981470410" sldId="563"/>
            <ac:spMk id="18" creationId="{A8421B3A-FC76-27B2-2B8E-D30CE40B21E8}"/>
          </ac:spMkLst>
        </pc:spChg>
        <pc:spChg chg="add mod">
          <ac:chgData name="Matias Vázquez Piñón" userId="2f86a967-3c9c-4a39-b538-7e6c0574d83d" providerId="ADAL" clId="{B0EC83BE-3AC5-42EC-8408-8B0ACB640EA4}" dt="2022-08-12T16:05:39.486" v="16427" actId="207"/>
          <ac:spMkLst>
            <pc:docMk/>
            <pc:sldMk cId="1981470410" sldId="563"/>
            <ac:spMk id="19" creationId="{07BA60EC-F8E5-E2EE-CD18-16A023421BA9}"/>
          </ac:spMkLst>
        </pc:spChg>
        <pc:spChg chg="add mod">
          <ac:chgData name="Matias Vázquez Piñón" userId="2f86a967-3c9c-4a39-b538-7e6c0574d83d" providerId="ADAL" clId="{B0EC83BE-3AC5-42EC-8408-8B0ACB640EA4}" dt="2022-08-12T16:05:39.486" v="16427" actId="207"/>
          <ac:spMkLst>
            <pc:docMk/>
            <pc:sldMk cId="1981470410" sldId="563"/>
            <ac:spMk id="20" creationId="{A5CCD966-B712-1E93-B097-22B6E6A61A42}"/>
          </ac:spMkLst>
        </pc:spChg>
        <pc:spChg chg="add mod">
          <ac:chgData name="Matias Vázquez Piñón" userId="2f86a967-3c9c-4a39-b538-7e6c0574d83d" providerId="ADAL" clId="{B0EC83BE-3AC5-42EC-8408-8B0ACB640EA4}" dt="2022-08-11T18:18:15.416" v="16224"/>
          <ac:spMkLst>
            <pc:docMk/>
            <pc:sldMk cId="1981470410" sldId="563"/>
            <ac:spMk id="21" creationId="{D0C566F7-F07F-C511-0D4B-80606FC48D1A}"/>
          </ac:spMkLst>
        </pc:spChg>
        <pc:spChg chg="add mod">
          <ac:chgData name="Matias Vázquez Piñón" userId="2f86a967-3c9c-4a39-b538-7e6c0574d83d" providerId="ADAL" clId="{B0EC83BE-3AC5-42EC-8408-8B0ACB640EA4}" dt="2022-08-12T16:05:39.486" v="16427" actId="207"/>
          <ac:spMkLst>
            <pc:docMk/>
            <pc:sldMk cId="1981470410" sldId="563"/>
            <ac:spMk id="22" creationId="{E51C7264-7537-BA5C-E187-DED5CD94F9E4}"/>
          </ac:spMkLst>
        </pc:spChg>
        <pc:spChg chg="add mod">
          <ac:chgData name="Matias Vázquez Piñón" userId="2f86a967-3c9c-4a39-b538-7e6c0574d83d" providerId="ADAL" clId="{B0EC83BE-3AC5-42EC-8408-8B0ACB640EA4}" dt="2022-08-12T16:05:39.486" v="16427" actId="207"/>
          <ac:spMkLst>
            <pc:docMk/>
            <pc:sldMk cId="1981470410" sldId="563"/>
            <ac:spMk id="23" creationId="{DA036C97-3FC1-79BF-01AF-2E9FC807ABEE}"/>
          </ac:spMkLst>
        </pc:spChg>
        <pc:spChg chg="add mod">
          <ac:chgData name="Matias Vázquez Piñón" userId="2f86a967-3c9c-4a39-b538-7e6c0574d83d" providerId="ADAL" clId="{B0EC83BE-3AC5-42EC-8408-8B0ACB640EA4}" dt="2022-08-12T16:05:39.486" v="16427" actId="207"/>
          <ac:spMkLst>
            <pc:docMk/>
            <pc:sldMk cId="1981470410" sldId="563"/>
            <ac:spMk id="24" creationId="{7E685F4B-6960-E698-3D84-AB142DBB933D}"/>
          </ac:spMkLst>
        </pc:spChg>
        <pc:spChg chg="add mod">
          <ac:chgData name="Matias Vázquez Piñón" userId="2f86a967-3c9c-4a39-b538-7e6c0574d83d" providerId="ADAL" clId="{B0EC83BE-3AC5-42EC-8408-8B0ACB640EA4}" dt="2022-08-12T16:05:39.486" v="16427" actId="207"/>
          <ac:spMkLst>
            <pc:docMk/>
            <pc:sldMk cId="1981470410" sldId="563"/>
            <ac:spMk id="25" creationId="{457C37C3-5128-72CF-57F0-B3759708126C}"/>
          </ac:spMkLst>
        </pc:spChg>
        <pc:spChg chg="add mod">
          <ac:chgData name="Matias Vázquez Piñón" userId="2f86a967-3c9c-4a39-b538-7e6c0574d83d" providerId="ADAL" clId="{B0EC83BE-3AC5-42EC-8408-8B0ACB640EA4}" dt="2022-08-12T16:05:39.486" v="16427" actId="207"/>
          <ac:spMkLst>
            <pc:docMk/>
            <pc:sldMk cId="1981470410" sldId="563"/>
            <ac:spMk id="26" creationId="{782D2D24-6F92-4B72-9231-DED5C9503E2D}"/>
          </ac:spMkLst>
        </pc:spChg>
        <pc:spChg chg="add mod">
          <ac:chgData name="Matias Vázquez Piñón" userId="2f86a967-3c9c-4a39-b538-7e6c0574d83d" providerId="ADAL" clId="{B0EC83BE-3AC5-42EC-8408-8B0ACB640EA4}" dt="2022-08-12T16:05:39.486" v="16427" actId="207"/>
          <ac:spMkLst>
            <pc:docMk/>
            <pc:sldMk cId="1981470410" sldId="563"/>
            <ac:spMk id="27" creationId="{78DB3861-00AB-9CB6-BF35-4A0DAEF0D15B}"/>
          </ac:spMkLst>
        </pc:spChg>
        <pc:spChg chg="add mod">
          <ac:chgData name="Matias Vázquez Piñón" userId="2f86a967-3c9c-4a39-b538-7e6c0574d83d" providerId="ADAL" clId="{B0EC83BE-3AC5-42EC-8408-8B0ACB640EA4}" dt="2022-08-12T16:05:39.486" v="16427" actId="207"/>
          <ac:spMkLst>
            <pc:docMk/>
            <pc:sldMk cId="1981470410" sldId="563"/>
            <ac:spMk id="28" creationId="{CC509465-B363-3236-05DB-98FBFB953892}"/>
          </ac:spMkLst>
        </pc:spChg>
        <pc:spChg chg="add mod">
          <ac:chgData name="Matias Vázquez Piñón" userId="2f86a967-3c9c-4a39-b538-7e6c0574d83d" providerId="ADAL" clId="{B0EC83BE-3AC5-42EC-8408-8B0ACB640EA4}" dt="2022-08-11T18:18:15.416" v="16224"/>
          <ac:spMkLst>
            <pc:docMk/>
            <pc:sldMk cId="1981470410" sldId="563"/>
            <ac:spMk id="29" creationId="{3B491826-316C-78C9-AE77-B0CEA43913CF}"/>
          </ac:spMkLst>
        </pc:spChg>
        <pc:spChg chg="add del mod">
          <ac:chgData name="Matias Vázquez Piñón" userId="2f86a967-3c9c-4a39-b538-7e6c0574d83d" providerId="ADAL" clId="{B0EC83BE-3AC5-42EC-8408-8B0ACB640EA4}" dt="2022-08-12T15:53:54.278" v="16327" actId="478"/>
          <ac:spMkLst>
            <pc:docMk/>
            <pc:sldMk cId="1981470410" sldId="563"/>
            <ac:spMk id="30" creationId="{396763BB-D167-0DD6-4C4D-CC476727B97F}"/>
          </ac:spMkLst>
        </pc:spChg>
        <pc:spChg chg="add mod">
          <ac:chgData name="Matias Vázquez Piñón" userId="2f86a967-3c9c-4a39-b538-7e6c0574d83d" providerId="ADAL" clId="{B0EC83BE-3AC5-42EC-8408-8B0ACB640EA4}" dt="2022-08-11T18:18:15.416" v="16224"/>
          <ac:spMkLst>
            <pc:docMk/>
            <pc:sldMk cId="1981470410" sldId="563"/>
            <ac:spMk id="31" creationId="{B8C070F6-5F07-E832-BFF9-B82E8C2E4886}"/>
          </ac:spMkLst>
        </pc:spChg>
        <pc:spChg chg="add mod">
          <ac:chgData name="Matias Vázquez Piñón" userId="2f86a967-3c9c-4a39-b538-7e6c0574d83d" providerId="ADAL" clId="{B0EC83BE-3AC5-42EC-8408-8B0ACB640EA4}" dt="2022-08-11T18:18:15.416" v="16224"/>
          <ac:spMkLst>
            <pc:docMk/>
            <pc:sldMk cId="1981470410" sldId="563"/>
            <ac:spMk id="32" creationId="{28983913-7FF7-BABF-361C-99CAD7C2D502}"/>
          </ac:spMkLst>
        </pc:spChg>
        <pc:spChg chg="add mod">
          <ac:chgData name="Matias Vázquez Piñón" userId="2f86a967-3c9c-4a39-b538-7e6c0574d83d" providerId="ADAL" clId="{B0EC83BE-3AC5-42EC-8408-8B0ACB640EA4}" dt="2022-08-11T18:18:15.416" v="16224"/>
          <ac:spMkLst>
            <pc:docMk/>
            <pc:sldMk cId="1981470410" sldId="563"/>
            <ac:spMk id="33" creationId="{ECFA49B7-1799-F282-EA17-33DA2EB2134F}"/>
          </ac:spMkLst>
        </pc:spChg>
        <pc:spChg chg="add del mod">
          <ac:chgData name="Matias Vázquez Piñón" userId="2f86a967-3c9c-4a39-b538-7e6c0574d83d" providerId="ADAL" clId="{B0EC83BE-3AC5-42EC-8408-8B0ACB640EA4}" dt="2022-08-11T18:19:16.716" v="16232" actId="478"/>
          <ac:spMkLst>
            <pc:docMk/>
            <pc:sldMk cId="1981470410" sldId="563"/>
            <ac:spMk id="36" creationId="{57D34986-3B2C-DFB6-3571-66772D1B484B}"/>
          </ac:spMkLst>
        </pc:spChg>
        <pc:spChg chg="add mod">
          <ac:chgData name="Matias Vázquez Piñón" userId="2f86a967-3c9c-4a39-b538-7e6c0574d83d" providerId="ADAL" clId="{B0EC83BE-3AC5-42EC-8408-8B0ACB640EA4}" dt="2022-08-12T18:25:19.283" v="17758" actId="207"/>
          <ac:spMkLst>
            <pc:docMk/>
            <pc:sldMk cId="1981470410" sldId="563"/>
            <ac:spMk id="36" creationId="{75DEF116-7F60-E854-4204-9D759739C586}"/>
          </ac:spMkLst>
        </pc:spChg>
        <pc:spChg chg="add del mod">
          <ac:chgData name="Matias Vázquez Piñón" userId="2f86a967-3c9c-4a39-b538-7e6c0574d83d" providerId="ADAL" clId="{B0EC83BE-3AC5-42EC-8408-8B0ACB640EA4}" dt="2022-08-11T18:19:19.590" v="16234" actId="478"/>
          <ac:spMkLst>
            <pc:docMk/>
            <pc:sldMk cId="1981470410" sldId="563"/>
            <ac:spMk id="37" creationId="{E691E701-73D4-23C1-3D48-0ABCD0295A17}"/>
          </ac:spMkLst>
        </pc:spChg>
        <pc:spChg chg="add mod">
          <ac:chgData name="Matias Vázquez Piñón" userId="2f86a967-3c9c-4a39-b538-7e6c0574d83d" providerId="ADAL" clId="{B0EC83BE-3AC5-42EC-8408-8B0ACB640EA4}" dt="2022-08-12T18:25:19.283" v="17758" actId="207"/>
          <ac:spMkLst>
            <pc:docMk/>
            <pc:sldMk cId="1981470410" sldId="563"/>
            <ac:spMk id="37" creationId="{F34DD76D-64C3-DC87-E668-BEF30168D07C}"/>
          </ac:spMkLst>
        </pc:spChg>
        <pc:spChg chg="add mod">
          <ac:chgData name="Matias Vázquez Piñón" userId="2f86a967-3c9c-4a39-b538-7e6c0574d83d" providerId="ADAL" clId="{B0EC83BE-3AC5-42EC-8408-8B0ACB640EA4}" dt="2022-08-12T16:03:39.033" v="16423" actId="14100"/>
          <ac:spMkLst>
            <pc:docMk/>
            <pc:sldMk cId="1981470410" sldId="563"/>
            <ac:spMk id="38" creationId="{8ED4E0D4-0B90-DD22-207A-92F302232FAB}"/>
          </ac:spMkLst>
        </pc:spChg>
        <pc:spChg chg="add mod">
          <ac:chgData name="Matias Vázquez Piñón" userId="2f86a967-3c9c-4a39-b538-7e6c0574d83d" providerId="ADAL" clId="{B0EC83BE-3AC5-42EC-8408-8B0ACB640EA4}" dt="2022-08-12T16:05:28.515" v="16426" actId="571"/>
          <ac:spMkLst>
            <pc:docMk/>
            <pc:sldMk cId="1981470410" sldId="563"/>
            <ac:spMk id="42" creationId="{830D542D-2FA0-44A1-107B-8CD682DA5981}"/>
          </ac:spMkLst>
        </pc:spChg>
        <pc:spChg chg="add mod">
          <ac:chgData name="Matias Vázquez Piñón" userId="2f86a967-3c9c-4a39-b538-7e6c0574d83d" providerId="ADAL" clId="{B0EC83BE-3AC5-42EC-8408-8B0ACB640EA4}" dt="2022-08-12T16:05:28.515" v="16426" actId="571"/>
          <ac:spMkLst>
            <pc:docMk/>
            <pc:sldMk cId="1981470410" sldId="563"/>
            <ac:spMk id="43" creationId="{054738D8-2111-54C2-F79F-8DDDC71F65AA}"/>
          </ac:spMkLst>
        </pc:spChg>
        <pc:spChg chg="add mod">
          <ac:chgData name="Matias Vázquez Piñón" userId="2f86a967-3c9c-4a39-b538-7e6c0574d83d" providerId="ADAL" clId="{B0EC83BE-3AC5-42EC-8408-8B0ACB640EA4}" dt="2022-08-12T16:05:28.515" v="16426" actId="571"/>
          <ac:spMkLst>
            <pc:docMk/>
            <pc:sldMk cId="1981470410" sldId="563"/>
            <ac:spMk id="44" creationId="{9CA0E48C-7460-5B34-AFCC-83721D3011CD}"/>
          </ac:spMkLst>
        </pc:spChg>
        <pc:spChg chg="add mod">
          <ac:chgData name="Matias Vázquez Piñón" userId="2f86a967-3c9c-4a39-b538-7e6c0574d83d" providerId="ADAL" clId="{B0EC83BE-3AC5-42EC-8408-8B0ACB640EA4}" dt="2022-08-12T16:05:28.515" v="16426" actId="571"/>
          <ac:spMkLst>
            <pc:docMk/>
            <pc:sldMk cId="1981470410" sldId="563"/>
            <ac:spMk id="45" creationId="{C38C17B6-E21E-8593-0163-430A6DFFBD9B}"/>
          </ac:spMkLst>
        </pc:spChg>
        <pc:grpChg chg="add mod">
          <ac:chgData name="Matias Vázquez Piñón" userId="2f86a967-3c9c-4a39-b538-7e6c0574d83d" providerId="ADAL" clId="{B0EC83BE-3AC5-42EC-8408-8B0ACB640EA4}" dt="2022-08-12T16:03:17.515" v="16418" actId="14100"/>
          <ac:grpSpMkLst>
            <pc:docMk/>
            <pc:sldMk cId="1981470410" sldId="563"/>
            <ac:grpSpMk id="15" creationId="{10A35892-BD6D-0EFF-02C3-A3B525E5617F}"/>
          </ac:grpSpMkLst>
        </pc:grpChg>
        <pc:picChg chg="add del mod">
          <ac:chgData name="Matias Vázquez Piñón" userId="2f86a967-3c9c-4a39-b538-7e6c0574d83d" providerId="ADAL" clId="{B0EC83BE-3AC5-42EC-8408-8B0ACB640EA4}" dt="2022-08-11T18:19:38.608" v="16239" actId="478"/>
          <ac:picMkLst>
            <pc:docMk/>
            <pc:sldMk cId="1981470410" sldId="563"/>
            <ac:picMk id="4" creationId="{CBAB7C5C-5BF5-6A21-7F6C-A8F55AA18D69}"/>
          </ac:picMkLst>
        </pc:picChg>
        <pc:picChg chg="add del mod">
          <ac:chgData name="Matias Vázquez Piñón" userId="2f86a967-3c9c-4a39-b538-7e6c0574d83d" providerId="ADAL" clId="{B0EC83BE-3AC5-42EC-8408-8B0ACB640EA4}" dt="2022-08-12T15:54:27.519" v="16332" actId="478"/>
          <ac:picMkLst>
            <pc:docMk/>
            <pc:sldMk cId="1981470410" sldId="563"/>
            <ac:picMk id="5" creationId="{03F13A18-FFB6-EEC2-CDA3-4AF232E91997}"/>
          </ac:picMkLst>
        </pc:picChg>
        <pc:picChg chg="add mod">
          <ac:chgData name="Matias Vázquez Piñón" userId="2f86a967-3c9c-4a39-b538-7e6c0574d83d" providerId="ADAL" clId="{B0EC83BE-3AC5-42EC-8408-8B0ACB640EA4}" dt="2022-08-12T16:03:17.515" v="16418" actId="14100"/>
          <ac:picMkLst>
            <pc:docMk/>
            <pc:sldMk cId="1981470410" sldId="563"/>
            <ac:picMk id="6" creationId="{EB1AD765-6574-529A-A21F-675AE856FDD0}"/>
          </ac:picMkLst>
        </pc:picChg>
        <pc:picChg chg="add mod">
          <ac:chgData name="Matias Vázquez Piñón" userId="2f86a967-3c9c-4a39-b538-7e6c0574d83d" providerId="ADAL" clId="{B0EC83BE-3AC5-42EC-8408-8B0ACB640EA4}" dt="2022-08-12T15:55:03.359" v="16339" actId="1076"/>
          <ac:picMkLst>
            <pc:docMk/>
            <pc:sldMk cId="1981470410" sldId="563"/>
            <ac:picMk id="1026" creationId="{683EA9C5-5D87-6B4E-0077-B0D50A974957}"/>
          </ac:picMkLst>
        </pc:picChg>
        <pc:cxnChg chg="add mod">
          <ac:chgData name="Matias Vázquez Piñón" userId="2f86a967-3c9c-4a39-b538-7e6c0574d83d" providerId="ADAL" clId="{B0EC83BE-3AC5-42EC-8408-8B0ACB640EA4}" dt="2022-08-11T18:18:15.416" v="16224"/>
          <ac:cxnSpMkLst>
            <pc:docMk/>
            <pc:sldMk cId="1981470410" sldId="563"/>
            <ac:cxnSpMk id="34" creationId="{59D5F09B-E896-C534-331A-5AB896B743D1}"/>
          </ac:cxnSpMkLst>
        </pc:cxnChg>
        <pc:cxnChg chg="add mod">
          <ac:chgData name="Matias Vázquez Piñón" userId="2f86a967-3c9c-4a39-b538-7e6c0574d83d" providerId="ADAL" clId="{B0EC83BE-3AC5-42EC-8408-8B0ACB640EA4}" dt="2022-08-11T18:18:15.416" v="16224"/>
          <ac:cxnSpMkLst>
            <pc:docMk/>
            <pc:sldMk cId="1981470410" sldId="563"/>
            <ac:cxnSpMk id="35" creationId="{6431A0A7-129F-3906-B16F-B733165913CD}"/>
          </ac:cxnSpMkLst>
        </pc:cxnChg>
      </pc:sldChg>
      <pc:sldChg chg="addSp delSp modSp mod">
        <pc:chgData name="Matias Vázquez Piñón" userId="2f86a967-3c9c-4a39-b538-7e6c0574d83d" providerId="ADAL" clId="{B0EC83BE-3AC5-42EC-8408-8B0ACB640EA4}" dt="2022-08-12T18:43:43.122" v="17881" actId="1076"/>
        <pc:sldMkLst>
          <pc:docMk/>
          <pc:sldMk cId="2866763072" sldId="564"/>
        </pc:sldMkLst>
        <pc:spChg chg="add del mod">
          <ac:chgData name="Matias Vázquez Piñón" userId="2f86a967-3c9c-4a39-b538-7e6c0574d83d" providerId="ADAL" clId="{B0EC83BE-3AC5-42EC-8408-8B0ACB640EA4}" dt="2022-08-12T18:28:36.458" v="17793" actId="478"/>
          <ac:spMkLst>
            <pc:docMk/>
            <pc:sldMk cId="2866763072" sldId="564"/>
            <ac:spMk id="2" creationId="{D99A9B89-A008-1783-E4C3-1A293F2774F7}"/>
          </ac:spMkLst>
        </pc:spChg>
        <pc:spChg chg="add del mod">
          <ac:chgData name="Matias Vázquez Piñón" userId="2f86a967-3c9c-4a39-b538-7e6c0574d83d" providerId="ADAL" clId="{B0EC83BE-3AC5-42EC-8408-8B0ACB640EA4}" dt="2022-08-12T18:28:36.458" v="17793" actId="478"/>
          <ac:spMkLst>
            <pc:docMk/>
            <pc:sldMk cId="2866763072" sldId="564"/>
            <ac:spMk id="4" creationId="{DEF79C49-4209-458C-BAF7-73C520432EDF}"/>
          </ac:spMkLst>
        </pc:spChg>
        <pc:spChg chg="add del mod">
          <ac:chgData name="Matias Vázquez Piñón" userId="2f86a967-3c9c-4a39-b538-7e6c0574d83d" providerId="ADAL" clId="{B0EC83BE-3AC5-42EC-8408-8B0ACB640EA4}" dt="2022-08-12T18:28:36.458" v="17793" actId="478"/>
          <ac:spMkLst>
            <pc:docMk/>
            <pc:sldMk cId="2866763072" sldId="564"/>
            <ac:spMk id="5" creationId="{D9DCD403-41D4-C61A-9818-B279BD570AAF}"/>
          </ac:spMkLst>
        </pc:spChg>
        <pc:spChg chg="add mod">
          <ac:chgData name="Matias Vázquez Piñón" userId="2f86a967-3c9c-4a39-b538-7e6c0574d83d" providerId="ADAL" clId="{B0EC83BE-3AC5-42EC-8408-8B0ACB640EA4}" dt="2022-08-12T18:43:43.122" v="17881" actId="1076"/>
          <ac:spMkLst>
            <pc:docMk/>
            <pc:sldMk cId="2866763072" sldId="564"/>
            <ac:spMk id="12" creationId="{BA91A84E-BA37-BF5A-4847-AED53DCC0D51}"/>
          </ac:spMkLst>
        </pc:spChg>
        <pc:graphicFrameChg chg="add del mod modGraphic">
          <ac:chgData name="Matias Vázquez Piñón" userId="2f86a967-3c9c-4a39-b538-7e6c0574d83d" providerId="ADAL" clId="{B0EC83BE-3AC5-42EC-8408-8B0ACB640EA4}" dt="2022-08-12T18:33:44.254" v="17868" actId="478"/>
          <ac:graphicFrameMkLst>
            <pc:docMk/>
            <pc:sldMk cId="2866763072" sldId="564"/>
            <ac:graphicFrameMk id="9" creationId="{3B22A77B-E4CB-9DD2-5558-02EEB528B01D}"/>
          </ac:graphicFrameMkLst>
        </pc:graphicFrameChg>
        <pc:graphicFrameChg chg="add del">
          <ac:chgData name="Matias Vázquez Piñón" userId="2f86a967-3c9c-4a39-b538-7e6c0574d83d" providerId="ADAL" clId="{B0EC83BE-3AC5-42EC-8408-8B0ACB640EA4}" dt="2022-08-12T18:35:40.102" v="17872"/>
          <ac:graphicFrameMkLst>
            <pc:docMk/>
            <pc:sldMk cId="2866763072" sldId="564"/>
            <ac:graphicFrameMk id="10" creationId="{B9F5CB3C-7289-F91D-D8C2-DD38D799BA4E}"/>
          </ac:graphicFrameMkLst>
        </pc:graphicFrameChg>
        <pc:picChg chg="mod">
          <ac:chgData name="Matias Vázquez Piñón" userId="2f86a967-3c9c-4a39-b538-7e6c0574d83d" providerId="ADAL" clId="{B0EC83BE-3AC5-42EC-8408-8B0ACB640EA4}" dt="2022-08-12T18:34:08.880" v="17870" actId="14100"/>
          <ac:picMkLst>
            <pc:docMk/>
            <pc:sldMk cId="2866763072" sldId="564"/>
            <ac:picMk id="7" creationId="{105D1248-ED93-FCBF-0F8F-7962C6674B24}"/>
          </ac:picMkLst>
        </pc:picChg>
      </pc:sldChg>
      <pc:sldChg chg="addSp delSp modSp new mod modAnim">
        <pc:chgData name="Matias Vázquez Piñón" userId="2f86a967-3c9c-4a39-b538-7e6c0574d83d" providerId="ADAL" clId="{B0EC83BE-3AC5-42EC-8408-8B0ACB640EA4}" dt="2022-08-12T18:47:44.309" v="17903" actId="1076"/>
        <pc:sldMkLst>
          <pc:docMk/>
          <pc:sldMk cId="1232078327" sldId="565"/>
        </pc:sldMkLst>
        <pc:spChg chg="del">
          <ac:chgData name="Matias Vázquez Piñón" userId="2f86a967-3c9c-4a39-b538-7e6c0574d83d" providerId="ADAL" clId="{B0EC83BE-3AC5-42EC-8408-8B0ACB640EA4}" dt="2022-08-12T18:44:59.647" v="17883" actId="478"/>
          <ac:spMkLst>
            <pc:docMk/>
            <pc:sldMk cId="1232078327" sldId="565"/>
            <ac:spMk id="2" creationId="{52C64BA0-5738-49EC-BC5D-17378B1C5484}"/>
          </ac:spMkLst>
        </pc:spChg>
        <pc:spChg chg="add mod">
          <ac:chgData name="Matias Vázquez Piñón" userId="2f86a967-3c9c-4a39-b538-7e6c0574d83d" providerId="ADAL" clId="{B0EC83BE-3AC5-42EC-8408-8B0ACB640EA4}" dt="2022-08-12T18:47:44.309" v="17903" actId="1076"/>
          <ac:spMkLst>
            <pc:docMk/>
            <pc:sldMk cId="1232078327" sldId="565"/>
            <ac:spMk id="5" creationId="{D6BE84EB-E2CD-04C3-8537-D9B86EE052D5}"/>
          </ac:spMkLst>
        </pc:spChg>
        <pc:picChg chg="add mod">
          <ac:chgData name="Matias Vázquez Piñón" userId="2f86a967-3c9c-4a39-b538-7e6c0574d83d" providerId="ADAL" clId="{B0EC83BE-3AC5-42EC-8408-8B0ACB640EA4}" dt="2022-08-12T18:46:48.111" v="17898" actId="1076"/>
          <ac:picMkLst>
            <pc:docMk/>
            <pc:sldMk cId="1232078327" sldId="565"/>
            <ac:picMk id="6" creationId="{7899A917-94CD-CB2B-70A9-25C67B16E55B}"/>
          </ac:picMkLst>
        </pc:picChg>
      </pc:sldChg>
      <pc:sldMasterChg chg="addSp delSp modSp mod modSldLayout">
        <pc:chgData name="Matias Vázquez Piñón" userId="2f86a967-3c9c-4a39-b538-7e6c0574d83d" providerId="ADAL" clId="{B0EC83BE-3AC5-42EC-8408-8B0ACB640EA4}" dt="2022-08-12T19:24:07.357" v="17919" actId="1076"/>
        <pc:sldMasterMkLst>
          <pc:docMk/>
          <pc:sldMasterMk cId="2454702602" sldId="2147483662"/>
        </pc:sldMasterMkLst>
        <pc:spChg chg="del">
          <ac:chgData name="Matias Vázquez Piñón" userId="2f86a967-3c9c-4a39-b538-7e6c0574d83d" providerId="ADAL" clId="{B0EC83BE-3AC5-42EC-8408-8B0ACB640EA4}" dt="2022-07-17T08:38:36.062" v="737" actId="478"/>
          <ac:spMkLst>
            <pc:docMk/>
            <pc:sldMasterMk cId="2454702602" sldId="2147483662"/>
            <ac:spMk id="3" creationId="{00000000-0000-0000-0000-000000000000}"/>
          </ac:spMkLst>
        </pc:spChg>
        <pc:spChg chg="add del mod">
          <ac:chgData name="Matias Vázquez Piñón" userId="2f86a967-3c9c-4a39-b538-7e6c0574d83d" providerId="ADAL" clId="{B0EC83BE-3AC5-42EC-8408-8B0ACB640EA4}" dt="2022-08-12T19:23:41.637" v="17914"/>
          <ac:spMkLst>
            <pc:docMk/>
            <pc:sldMasterMk cId="2454702602" sldId="2147483662"/>
            <ac:spMk id="3" creationId="{83E511B4-1CBC-1B10-895E-7563E38CC8C0}"/>
          </ac:spMkLst>
        </pc:spChg>
        <pc:spChg chg="add del mod">
          <ac:chgData name="Matias Vázquez Piñón" userId="2f86a967-3c9c-4a39-b538-7e6c0574d83d" providerId="ADAL" clId="{B0EC83BE-3AC5-42EC-8408-8B0ACB640EA4}" dt="2022-08-12T19:24:01.411" v="17918" actId="478"/>
          <ac:spMkLst>
            <pc:docMk/>
            <pc:sldMasterMk cId="2454702602" sldId="2147483662"/>
            <ac:spMk id="5" creationId="{792B975C-625D-4095-8E1D-63F20A11B57C}"/>
          </ac:spMkLst>
        </pc:spChg>
        <pc:spChg chg="mod">
          <ac:chgData name="Matias Vázquez Piñón" userId="2f86a967-3c9c-4a39-b538-7e6c0574d83d" providerId="ADAL" clId="{B0EC83BE-3AC5-42EC-8408-8B0ACB640EA4}" dt="2022-08-12T19:24:07.357" v="17919" actId="1076"/>
          <ac:spMkLst>
            <pc:docMk/>
            <pc:sldMasterMk cId="2454702602" sldId="2147483662"/>
            <ac:spMk id="113676" creationId="{00000000-0000-0000-0000-000000000000}"/>
          </ac:spMkLst>
        </pc:spChg>
        <pc:sldLayoutChg chg="delSp mod">
          <pc:chgData name="Matias Vázquez Piñón" userId="2f86a967-3c9c-4a39-b538-7e6c0574d83d" providerId="ADAL" clId="{B0EC83BE-3AC5-42EC-8408-8B0ACB640EA4}" dt="2022-07-17T08:38:41.569" v="738" actId="478"/>
          <pc:sldLayoutMkLst>
            <pc:docMk/>
            <pc:sldMasterMk cId="2454702602" sldId="2147483662"/>
            <pc:sldLayoutMk cId="3227214542" sldId="2147483663"/>
          </pc:sldLayoutMkLst>
          <pc:spChg chg="del">
            <ac:chgData name="Matias Vázquez Piñón" userId="2f86a967-3c9c-4a39-b538-7e6c0574d83d" providerId="ADAL" clId="{B0EC83BE-3AC5-42EC-8408-8B0ACB640EA4}" dt="2022-07-17T08:38:41.569" v="738" actId="478"/>
            <ac:spMkLst>
              <pc:docMk/>
              <pc:sldMasterMk cId="2454702602" sldId="2147483662"/>
              <pc:sldLayoutMk cId="3227214542" sldId="2147483663"/>
              <ac:spMk id="3" creationId="{F2117C6C-7BC3-4888-BC29-FAB17565D119}"/>
            </ac:spMkLst>
          </pc:spChg>
        </pc:sldLayoutChg>
        <pc:sldLayoutChg chg="delSp mod">
          <pc:chgData name="Matias Vázquez Piñón" userId="2f86a967-3c9c-4a39-b538-7e6c0574d83d" providerId="ADAL" clId="{B0EC83BE-3AC5-42EC-8408-8B0ACB640EA4}" dt="2022-07-17T08:38:47.810" v="739" actId="478"/>
          <pc:sldLayoutMkLst>
            <pc:docMk/>
            <pc:sldMasterMk cId="2454702602" sldId="2147483662"/>
            <pc:sldLayoutMk cId="1187774059" sldId="2147483664"/>
          </pc:sldLayoutMkLst>
          <pc:spChg chg="del">
            <ac:chgData name="Matias Vázquez Piñón" userId="2f86a967-3c9c-4a39-b538-7e6c0574d83d" providerId="ADAL" clId="{B0EC83BE-3AC5-42EC-8408-8B0ACB640EA4}" dt="2022-07-17T08:38:47.810" v="739" actId="478"/>
            <ac:spMkLst>
              <pc:docMk/>
              <pc:sldMasterMk cId="2454702602" sldId="2147483662"/>
              <pc:sldLayoutMk cId="1187774059" sldId="2147483664"/>
              <ac:spMk id="2" creationId="{1FCA8860-CDAD-4F91-9292-2B11655C191E}"/>
            </ac:spMkLst>
          </pc:spChg>
        </pc:sldLayoutChg>
        <pc:sldLayoutChg chg="delSp mod">
          <pc:chgData name="Matias Vázquez Piñón" userId="2f86a967-3c9c-4a39-b538-7e6c0574d83d" providerId="ADAL" clId="{B0EC83BE-3AC5-42EC-8408-8B0ACB640EA4}" dt="2022-07-17T08:39:52.665" v="748" actId="478"/>
          <pc:sldLayoutMkLst>
            <pc:docMk/>
            <pc:sldMasterMk cId="2454702602" sldId="2147483662"/>
            <pc:sldLayoutMk cId="120845512" sldId="2147483666"/>
          </pc:sldLayoutMkLst>
          <pc:spChg chg="del">
            <ac:chgData name="Matias Vázquez Piñón" userId="2f86a967-3c9c-4a39-b538-7e6c0574d83d" providerId="ADAL" clId="{B0EC83BE-3AC5-42EC-8408-8B0ACB640EA4}" dt="2022-07-17T08:39:52.665" v="748" actId="478"/>
            <ac:spMkLst>
              <pc:docMk/>
              <pc:sldMasterMk cId="2454702602" sldId="2147483662"/>
              <pc:sldLayoutMk cId="120845512" sldId="2147483666"/>
              <ac:spMk id="2" creationId="{51F74546-9D06-4CF7-806D-E04B043BF5A5}"/>
            </ac:spMkLst>
          </pc:spChg>
        </pc:sldLayoutChg>
        <pc:sldLayoutChg chg="delSp mod">
          <pc:chgData name="Matias Vázquez Piñón" userId="2f86a967-3c9c-4a39-b538-7e6c0574d83d" providerId="ADAL" clId="{B0EC83BE-3AC5-42EC-8408-8B0ACB640EA4}" dt="2022-07-17T08:39:27.843" v="747" actId="478"/>
          <pc:sldLayoutMkLst>
            <pc:docMk/>
            <pc:sldMasterMk cId="2454702602" sldId="2147483662"/>
            <pc:sldLayoutMk cId="2321786107" sldId="2147483668"/>
          </pc:sldLayoutMkLst>
          <pc:spChg chg="del">
            <ac:chgData name="Matias Vázquez Piñón" userId="2f86a967-3c9c-4a39-b538-7e6c0574d83d" providerId="ADAL" clId="{B0EC83BE-3AC5-42EC-8408-8B0ACB640EA4}" dt="2022-07-17T08:39:27.843" v="747" actId="478"/>
            <ac:spMkLst>
              <pc:docMk/>
              <pc:sldMasterMk cId="2454702602" sldId="2147483662"/>
              <pc:sldLayoutMk cId="2321786107" sldId="2147483668"/>
              <ac:spMk id="4" creationId="{C9776080-6230-4AB8-AB28-4D6744DD01F9}"/>
            </ac:spMkLst>
          </pc:spChg>
          <pc:spChg chg="del">
            <ac:chgData name="Matias Vázquez Piñón" userId="2f86a967-3c9c-4a39-b538-7e6c0574d83d" providerId="ADAL" clId="{B0EC83BE-3AC5-42EC-8408-8B0ACB640EA4}" dt="2022-07-17T08:39:27.843" v="747" actId="478"/>
            <ac:spMkLst>
              <pc:docMk/>
              <pc:sldMasterMk cId="2454702602" sldId="2147483662"/>
              <pc:sldLayoutMk cId="2321786107" sldId="2147483668"/>
              <ac:spMk id="5" creationId="{2B7FFAE6-D148-4A15-9DFC-7D71B82020C9}"/>
            </ac:spMkLst>
          </pc:spChg>
          <pc:spChg chg="del">
            <ac:chgData name="Matias Vázquez Piñón" userId="2f86a967-3c9c-4a39-b538-7e6c0574d83d" providerId="ADAL" clId="{B0EC83BE-3AC5-42EC-8408-8B0ACB640EA4}" dt="2022-07-17T08:39:27.843" v="747" actId="478"/>
            <ac:spMkLst>
              <pc:docMk/>
              <pc:sldMasterMk cId="2454702602" sldId="2147483662"/>
              <pc:sldLayoutMk cId="2321786107" sldId="2147483668"/>
              <ac:spMk id="6" creationId="{3125B57E-AFC7-4517-B327-461DB01D2867}"/>
            </ac:spMkLst>
          </pc:spChg>
        </pc:sldLayoutChg>
        <pc:sldLayoutChg chg="delSp mod">
          <pc:chgData name="Matias Vázquez Piñón" userId="2f86a967-3c9c-4a39-b538-7e6c0574d83d" providerId="ADAL" clId="{B0EC83BE-3AC5-42EC-8408-8B0ACB640EA4}" dt="2022-07-17T08:39:11.479" v="742" actId="478"/>
          <pc:sldLayoutMkLst>
            <pc:docMk/>
            <pc:sldMasterMk cId="2454702602" sldId="2147483662"/>
            <pc:sldLayoutMk cId="1225919311" sldId="2147483671"/>
          </pc:sldLayoutMkLst>
          <pc:spChg chg="del">
            <ac:chgData name="Matias Vázquez Piñón" userId="2f86a967-3c9c-4a39-b538-7e6c0574d83d" providerId="ADAL" clId="{B0EC83BE-3AC5-42EC-8408-8B0ACB640EA4}" dt="2022-07-17T08:39:11.479" v="742" actId="478"/>
            <ac:spMkLst>
              <pc:docMk/>
              <pc:sldMasterMk cId="2454702602" sldId="2147483662"/>
              <pc:sldLayoutMk cId="1225919311" sldId="2147483671"/>
              <ac:spMk id="3" creationId="{71346B4F-F02C-40EC-9B70-932B18214C6A}"/>
            </ac:spMkLst>
          </pc:spChg>
        </pc:sldLayoutChg>
        <pc:sldLayoutChg chg="delSp mod">
          <pc:chgData name="Matias Vázquez Piñón" userId="2f86a967-3c9c-4a39-b538-7e6c0574d83d" providerId="ADAL" clId="{B0EC83BE-3AC5-42EC-8408-8B0ACB640EA4}" dt="2022-07-17T08:39:18.651" v="743" actId="478"/>
          <pc:sldLayoutMkLst>
            <pc:docMk/>
            <pc:sldMasterMk cId="2454702602" sldId="2147483662"/>
            <pc:sldLayoutMk cId="3922670733" sldId="2147483672"/>
          </pc:sldLayoutMkLst>
          <pc:spChg chg="del">
            <ac:chgData name="Matias Vázquez Piñón" userId="2f86a967-3c9c-4a39-b538-7e6c0574d83d" providerId="ADAL" clId="{B0EC83BE-3AC5-42EC-8408-8B0ACB640EA4}" dt="2022-07-17T08:39:18.651" v="743" actId="478"/>
            <ac:spMkLst>
              <pc:docMk/>
              <pc:sldMasterMk cId="2454702602" sldId="2147483662"/>
              <pc:sldLayoutMk cId="3922670733" sldId="2147483672"/>
              <ac:spMk id="2" creationId="{D2986237-C7E2-4498-82A4-361A340A6504}"/>
            </ac:spMkLst>
          </pc:spChg>
        </pc:sldLayoutChg>
        <pc:sldLayoutChg chg="delSp mod">
          <pc:chgData name="Matias Vázquez Piñón" userId="2f86a967-3c9c-4a39-b538-7e6c0574d83d" providerId="ADAL" clId="{B0EC83BE-3AC5-42EC-8408-8B0ACB640EA4}" dt="2022-07-17T08:39:20.981" v="744" actId="478"/>
          <pc:sldLayoutMkLst>
            <pc:docMk/>
            <pc:sldMasterMk cId="2454702602" sldId="2147483662"/>
            <pc:sldLayoutMk cId="1283562364" sldId="2147483673"/>
          </pc:sldLayoutMkLst>
          <pc:spChg chg="del">
            <ac:chgData name="Matias Vázquez Piñón" userId="2f86a967-3c9c-4a39-b538-7e6c0574d83d" providerId="ADAL" clId="{B0EC83BE-3AC5-42EC-8408-8B0ACB640EA4}" dt="2022-07-17T08:39:20.981" v="744" actId="478"/>
            <ac:spMkLst>
              <pc:docMk/>
              <pc:sldMasterMk cId="2454702602" sldId="2147483662"/>
              <pc:sldLayoutMk cId="1283562364" sldId="2147483673"/>
              <ac:spMk id="2" creationId="{AE26B732-1A52-4AA9-89FC-8FC5439E40DC}"/>
            </ac:spMkLst>
          </pc:spChg>
        </pc:sldLayoutChg>
        <pc:sldLayoutChg chg="delSp mod">
          <pc:chgData name="Matias Vázquez Piñón" userId="2f86a967-3c9c-4a39-b538-7e6c0574d83d" providerId="ADAL" clId="{B0EC83BE-3AC5-42EC-8408-8B0ACB640EA4}" dt="2022-07-17T08:39:23.329" v="745" actId="478"/>
          <pc:sldLayoutMkLst>
            <pc:docMk/>
            <pc:sldMasterMk cId="2454702602" sldId="2147483662"/>
            <pc:sldLayoutMk cId="1886374073" sldId="2147483676"/>
          </pc:sldLayoutMkLst>
          <pc:spChg chg="del">
            <ac:chgData name="Matias Vázquez Piñón" userId="2f86a967-3c9c-4a39-b538-7e6c0574d83d" providerId="ADAL" clId="{B0EC83BE-3AC5-42EC-8408-8B0ACB640EA4}" dt="2022-07-17T08:39:23.329" v="745" actId="478"/>
            <ac:spMkLst>
              <pc:docMk/>
              <pc:sldMasterMk cId="2454702602" sldId="2147483662"/>
              <pc:sldLayoutMk cId="1886374073" sldId="2147483676"/>
              <ac:spMk id="3" creationId="{71346B4F-F02C-40EC-9B70-932B18214C6A}"/>
            </ac:spMkLst>
          </pc:spChg>
        </pc:sldLayoutChg>
        <pc:sldLayoutChg chg="delSp modSp mod">
          <pc:chgData name="Matias Vázquez Piñón" userId="2f86a967-3c9c-4a39-b538-7e6c0574d83d" providerId="ADAL" clId="{B0EC83BE-3AC5-42EC-8408-8B0ACB640EA4}" dt="2022-07-17T08:38:54.498" v="741" actId="478"/>
          <pc:sldLayoutMkLst>
            <pc:docMk/>
            <pc:sldMasterMk cId="2454702602" sldId="2147483662"/>
            <pc:sldLayoutMk cId="2467960683" sldId="2147483677"/>
          </pc:sldLayoutMkLst>
          <pc:spChg chg="del mod">
            <ac:chgData name="Matias Vázquez Piñón" userId="2f86a967-3c9c-4a39-b538-7e6c0574d83d" providerId="ADAL" clId="{B0EC83BE-3AC5-42EC-8408-8B0ACB640EA4}" dt="2022-07-17T08:38:54.498" v="741" actId="478"/>
            <ac:spMkLst>
              <pc:docMk/>
              <pc:sldMasterMk cId="2454702602" sldId="2147483662"/>
              <pc:sldLayoutMk cId="2467960683" sldId="2147483677"/>
              <ac:spMk id="7" creationId="{02499420-B0E8-4C8A-8C00-E21262271ADD}"/>
            </ac:spMkLst>
          </pc:spChg>
        </pc:sldLayoutChg>
        <pc:sldLayoutChg chg="delSp mod">
          <pc:chgData name="Matias Vázquez Piñón" userId="2f86a967-3c9c-4a39-b538-7e6c0574d83d" providerId="ADAL" clId="{B0EC83BE-3AC5-42EC-8408-8B0ACB640EA4}" dt="2022-07-17T08:39:25.827" v="746" actId="478"/>
          <pc:sldLayoutMkLst>
            <pc:docMk/>
            <pc:sldMasterMk cId="2454702602" sldId="2147483662"/>
            <pc:sldLayoutMk cId="2669264705" sldId="2147483679"/>
          </pc:sldLayoutMkLst>
          <pc:spChg chg="del">
            <ac:chgData name="Matias Vázquez Piñón" userId="2f86a967-3c9c-4a39-b538-7e6c0574d83d" providerId="ADAL" clId="{B0EC83BE-3AC5-42EC-8408-8B0ACB640EA4}" dt="2022-07-17T08:39:25.827" v="746" actId="478"/>
            <ac:spMkLst>
              <pc:docMk/>
              <pc:sldMasterMk cId="2454702602" sldId="2147483662"/>
              <pc:sldLayoutMk cId="2669264705" sldId="2147483679"/>
              <ac:spMk id="4" creationId="{3AE75ABF-082F-4A38-B952-09157E37A81A}"/>
            </ac:spMkLst>
          </pc:spChg>
        </pc:sldLayoutChg>
        <pc:sldLayoutChg chg="delSp modSp mod">
          <pc:chgData name="Matias Vázquez Piñón" userId="2f86a967-3c9c-4a39-b538-7e6c0574d83d" providerId="ADAL" clId="{B0EC83BE-3AC5-42EC-8408-8B0ACB640EA4}" dt="2022-07-17T08:38:26.021" v="736" actId="478"/>
          <pc:sldLayoutMkLst>
            <pc:docMk/>
            <pc:sldMasterMk cId="2454702602" sldId="2147483662"/>
            <pc:sldLayoutMk cId="3496376187" sldId="2147483680"/>
          </pc:sldLayoutMkLst>
          <pc:spChg chg="del mod">
            <ac:chgData name="Matias Vázquez Piñón" userId="2f86a967-3c9c-4a39-b538-7e6c0574d83d" providerId="ADAL" clId="{B0EC83BE-3AC5-42EC-8408-8B0ACB640EA4}" dt="2022-07-17T08:38:20.751" v="733" actId="478"/>
            <ac:spMkLst>
              <pc:docMk/>
              <pc:sldMasterMk cId="2454702602" sldId="2147483662"/>
              <pc:sldLayoutMk cId="3496376187" sldId="2147483680"/>
              <ac:spMk id="6" creationId="{AF062B26-8169-4B93-8FD8-CFDB0855A961}"/>
            </ac:spMkLst>
          </pc:spChg>
          <pc:spChg chg="del">
            <ac:chgData name="Matias Vázquez Piñón" userId="2f86a967-3c9c-4a39-b538-7e6c0574d83d" providerId="ADAL" clId="{B0EC83BE-3AC5-42EC-8408-8B0ACB640EA4}" dt="2022-07-17T08:38:26.021" v="736" actId="478"/>
            <ac:spMkLst>
              <pc:docMk/>
              <pc:sldMasterMk cId="2454702602" sldId="2147483662"/>
              <pc:sldLayoutMk cId="3496376187" sldId="2147483680"/>
              <ac:spMk id="7" creationId="{CA59923C-6F09-424E-AF1E-AC62326A9B2B}"/>
            </ac:spMkLst>
          </pc:spChg>
          <pc:spChg chg="del mod">
            <ac:chgData name="Matias Vázquez Piñón" userId="2f86a967-3c9c-4a39-b538-7e6c0574d83d" providerId="ADAL" clId="{B0EC83BE-3AC5-42EC-8408-8B0ACB640EA4}" dt="2022-07-17T08:38:24.194" v="735" actId="478"/>
            <ac:spMkLst>
              <pc:docMk/>
              <pc:sldMasterMk cId="2454702602" sldId="2147483662"/>
              <pc:sldLayoutMk cId="3496376187" sldId="2147483680"/>
              <ac:spMk id="9" creationId="{4C299FA2-BF46-4410-B2CD-E3C80B7A9893}"/>
            </ac:spMkLst>
          </pc:spChg>
        </pc:sldLayoutChg>
      </pc:sldMasterChg>
      <pc:sldMasterChg chg="del delSldLayout">
        <pc:chgData name="Matias Vázquez Piñón" userId="2f86a967-3c9c-4a39-b538-7e6c0574d83d" providerId="ADAL" clId="{B0EC83BE-3AC5-42EC-8408-8B0ACB640EA4}" dt="2022-07-17T12:40:13.130" v="1815" actId="2696"/>
        <pc:sldMasterMkLst>
          <pc:docMk/>
          <pc:sldMasterMk cId="2545789764" sldId="2147483667"/>
        </pc:sldMasterMkLst>
        <pc:sldLayoutChg chg="del">
          <pc:chgData name="Matias Vázquez Piñón" userId="2f86a967-3c9c-4a39-b538-7e6c0574d83d" providerId="ADAL" clId="{B0EC83BE-3AC5-42EC-8408-8B0ACB640EA4}" dt="2022-07-17T12:40:13.114" v="1809" actId="2696"/>
          <pc:sldLayoutMkLst>
            <pc:docMk/>
            <pc:sldMasterMk cId="2545789764" sldId="2147483667"/>
            <pc:sldLayoutMk cId="1879496355" sldId="2147483669"/>
          </pc:sldLayoutMkLst>
        </pc:sldLayoutChg>
        <pc:sldLayoutChg chg="del">
          <pc:chgData name="Matias Vázquez Piñón" userId="2f86a967-3c9c-4a39-b538-7e6c0574d83d" providerId="ADAL" clId="{B0EC83BE-3AC5-42EC-8408-8B0ACB640EA4}" dt="2022-07-17T12:40:13.114" v="1810" actId="2696"/>
          <pc:sldLayoutMkLst>
            <pc:docMk/>
            <pc:sldMasterMk cId="2545789764" sldId="2147483667"/>
            <pc:sldLayoutMk cId="1553782540" sldId="2147483681"/>
          </pc:sldLayoutMkLst>
        </pc:sldLayoutChg>
        <pc:sldLayoutChg chg="del">
          <pc:chgData name="Matias Vázquez Piñón" userId="2f86a967-3c9c-4a39-b538-7e6c0574d83d" providerId="ADAL" clId="{B0EC83BE-3AC5-42EC-8408-8B0ACB640EA4}" dt="2022-07-17T12:40:13.114" v="1811" actId="2696"/>
          <pc:sldLayoutMkLst>
            <pc:docMk/>
            <pc:sldMasterMk cId="2545789764" sldId="2147483667"/>
            <pc:sldLayoutMk cId="849425155" sldId="2147483682"/>
          </pc:sldLayoutMkLst>
        </pc:sldLayoutChg>
        <pc:sldLayoutChg chg="del">
          <pc:chgData name="Matias Vázquez Piñón" userId="2f86a967-3c9c-4a39-b538-7e6c0574d83d" providerId="ADAL" clId="{B0EC83BE-3AC5-42EC-8408-8B0ACB640EA4}" dt="2022-07-17T12:40:13.130" v="1812" actId="2696"/>
          <pc:sldLayoutMkLst>
            <pc:docMk/>
            <pc:sldMasterMk cId="2545789764" sldId="2147483667"/>
            <pc:sldLayoutMk cId="214246126" sldId="2147483683"/>
          </pc:sldLayoutMkLst>
        </pc:sldLayoutChg>
        <pc:sldLayoutChg chg="del">
          <pc:chgData name="Matias Vázquez Piñón" userId="2f86a967-3c9c-4a39-b538-7e6c0574d83d" providerId="ADAL" clId="{B0EC83BE-3AC5-42EC-8408-8B0ACB640EA4}" dt="2022-07-17T12:40:13.130" v="1813" actId="2696"/>
          <pc:sldLayoutMkLst>
            <pc:docMk/>
            <pc:sldMasterMk cId="2545789764" sldId="2147483667"/>
            <pc:sldLayoutMk cId="3109656165" sldId="2147483684"/>
          </pc:sldLayoutMkLst>
        </pc:sldLayoutChg>
        <pc:sldLayoutChg chg="del">
          <pc:chgData name="Matias Vázquez Piñón" userId="2f86a967-3c9c-4a39-b538-7e6c0574d83d" providerId="ADAL" clId="{B0EC83BE-3AC5-42EC-8408-8B0ACB640EA4}" dt="2022-07-17T12:40:13.130" v="1814" actId="2696"/>
          <pc:sldLayoutMkLst>
            <pc:docMk/>
            <pc:sldMasterMk cId="2545789764" sldId="2147483667"/>
            <pc:sldLayoutMk cId="3928235228" sldId="2147483685"/>
          </pc:sldLayoutMkLst>
        </pc:sldLayoutChg>
      </pc:sldMasterChg>
    </pc:docChg>
  </pc:docChgLst>
  <pc:docChgLst>
    <pc:chgData name="Matias Vázquez Piñón" userId="2f86a967-3c9c-4a39-b538-7e6c0574d83d" providerId="ADAL" clId="{FF34E82E-70A5-47A1-988E-8EC70675C3B6}"/>
    <pc:docChg chg="undo custSel addSld delSld modSld sldOrd addMainMaster delMainMaster modMainMaster">
      <pc:chgData name="Matias Vázquez Piñón" userId="2f86a967-3c9c-4a39-b538-7e6c0574d83d" providerId="ADAL" clId="{FF34E82E-70A5-47A1-988E-8EC70675C3B6}" dt="2022-08-15T09:07:03.312" v="1850" actId="207"/>
      <pc:docMkLst>
        <pc:docMk/>
      </pc:docMkLst>
      <pc:sldChg chg="del">
        <pc:chgData name="Matias Vázquez Piñón" userId="2f86a967-3c9c-4a39-b538-7e6c0574d83d" providerId="ADAL" clId="{FF34E82E-70A5-47A1-988E-8EC70675C3B6}" dt="2022-07-11T10:05:45.052" v="31" actId="47"/>
        <pc:sldMkLst>
          <pc:docMk/>
          <pc:sldMk cId="1796381250" sldId="257"/>
        </pc:sldMkLst>
      </pc:sldChg>
      <pc:sldChg chg="addSp delSp modSp mod modAnim">
        <pc:chgData name="Matias Vázquez Piñón" userId="2f86a967-3c9c-4a39-b538-7e6c0574d83d" providerId="ADAL" clId="{FF34E82E-70A5-47A1-988E-8EC70675C3B6}" dt="2022-07-11T10:11:16.571" v="161" actId="478"/>
        <pc:sldMkLst>
          <pc:docMk/>
          <pc:sldMk cId="2320714135" sldId="260"/>
        </pc:sldMkLst>
        <pc:spChg chg="mod">
          <ac:chgData name="Matias Vázquez Piñón" userId="2f86a967-3c9c-4a39-b538-7e6c0574d83d" providerId="ADAL" clId="{FF34E82E-70A5-47A1-988E-8EC70675C3B6}" dt="2022-07-11T10:05:22.527" v="29" actId="20577"/>
          <ac:spMkLst>
            <pc:docMk/>
            <pc:sldMk cId="2320714135" sldId="260"/>
            <ac:spMk id="4" creationId="{674358EA-4D5B-461F-997D-DE6729900DE7}"/>
          </ac:spMkLst>
        </pc:spChg>
        <pc:picChg chg="add del mod">
          <ac:chgData name="Matias Vázquez Piñón" userId="2f86a967-3c9c-4a39-b538-7e6c0574d83d" providerId="ADAL" clId="{FF34E82E-70A5-47A1-988E-8EC70675C3B6}" dt="2022-07-11T10:11:16.571" v="161" actId="478"/>
          <ac:picMkLst>
            <pc:docMk/>
            <pc:sldMk cId="2320714135" sldId="260"/>
            <ac:picMk id="6" creationId="{FD96DCEE-9C91-8A78-04E5-0DC929D766DF}"/>
          </ac:picMkLst>
        </pc:picChg>
        <pc:picChg chg="add del mod">
          <ac:chgData name="Matias Vázquez Piñón" userId="2f86a967-3c9c-4a39-b538-7e6c0574d83d" providerId="ADAL" clId="{FF34E82E-70A5-47A1-988E-8EC70675C3B6}" dt="2022-07-11T10:11:16.571" v="161" actId="478"/>
          <ac:picMkLst>
            <pc:docMk/>
            <pc:sldMk cId="2320714135" sldId="260"/>
            <ac:picMk id="7" creationId="{44509734-CA5E-7014-47F1-B4DFCD6B81E4}"/>
          </ac:picMkLst>
        </pc:picChg>
      </pc:sldChg>
      <pc:sldChg chg="del">
        <pc:chgData name="Matias Vázquez Piñón" userId="2f86a967-3c9c-4a39-b538-7e6c0574d83d" providerId="ADAL" clId="{FF34E82E-70A5-47A1-988E-8EC70675C3B6}" dt="2022-07-11T10:05:45.052" v="31" actId="47"/>
        <pc:sldMkLst>
          <pc:docMk/>
          <pc:sldMk cId="664987211" sldId="261"/>
        </pc:sldMkLst>
      </pc:sldChg>
      <pc:sldChg chg="addSp modSp new mod">
        <pc:chgData name="Matias Vázquez Piñón" userId="2f86a967-3c9c-4a39-b538-7e6c0574d83d" providerId="ADAL" clId="{FF34E82E-70A5-47A1-988E-8EC70675C3B6}" dt="2022-07-11T10:08:12.801" v="108"/>
        <pc:sldMkLst>
          <pc:docMk/>
          <pc:sldMk cId="3083256170" sldId="261"/>
        </pc:sldMkLst>
        <pc:spChg chg="mod">
          <ac:chgData name="Matias Vázquez Piñón" userId="2f86a967-3c9c-4a39-b538-7e6c0574d83d" providerId="ADAL" clId="{FF34E82E-70A5-47A1-988E-8EC70675C3B6}" dt="2022-07-11T10:05:57.856" v="56" actId="20577"/>
          <ac:spMkLst>
            <pc:docMk/>
            <pc:sldMk cId="3083256170" sldId="261"/>
            <ac:spMk id="2" creationId="{C7B902DA-AE64-A1C7-97DB-756CAE501360}"/>
          </ac:spMkLst>
        </pc:spChg>
        <pc:spChg chg="add mod">
          <ac:chgData name="Matias Vázquez Piñón" userId="2f86a967-3c9c-4a39-b538-7e6c0574d83d" providerId="ADAL" clId="{FF34E82E-70A5-47A1-988E-8EC70675C3B6}" dt="2022-07-11T10:08:12.801" v="108"/>
          <ac:spMkLst>
            <pc:docMk/>
            <pc:sldMk cId="3083256170" sldId="261"/>
            <ac:spMk id="6" creationId="{68E44D63-F777-2EEC-7951-061D4BFBD49C}"/>
          </ac:spMkLst>
        </pc:spChg>
        <pc:spChg chg="add mod">
          <ac:chgData name="Matias Vázquez Piñón" userId="2f86a967-3c9c-4a39-b538-7e6c0574d83d" providerId="ADAL" clId="{FF34E82E-70A5-47A1-988E-8EC70675C3B6}" dt="2022-07-11T10:08:12.801" v="108"/>
          <ac:spMkLst>
            <pc:docMk/>
            <pc:sldMk cId="3083256170" sldId="261"/>
            <ac:spMk id="7" creationId="{BCF0B943-A773-ACF4-2917-396417BF83D0}"/>
          </ac:spMkLst>
        </pc:spChg>
      </pc:sldChg>
      <pc:sldChg chg="addSp modSp add mod">
        <pc:chgData name="Matias Vázquez Piñón" userId="2f86a967-3c9c-4a39-b538-7e6c0574d83d" providerId="ADAL" clId="{FF34E82E-70A5-47A1-988E-8EC70675C3B6}" dt="2022-07-11T10:09:37.711" v="158" actId="1076"/>
        <pc:sldMkLst>
          <pc:docMk/>
          <pc:sldMk cId="1114477602" sldId="262"/>
        </pc:sldMkLst>
        <pc:spChg chg="mod">
          <ac:chgData name="Matias Vázquez Piñón" userId="2f86a967-3c9c-4a39-b538-7e6c0574d83d" providerId="ADAL" clId="{FF34E82E-70A5-47A1-988E-8EC70675C3B6}" dt="2022-07-11T10:06:10.513" v="68" actId="20577"/>
          <ac:spMkLst>
            <pc:docMk/>
            <pc:sldMk cId="1114477602" sldId="262"/>
            <ac:spMk id="2" creationId="{C7B902DA-AE64-A1C7-97DB-756CAE501360}"/>
          </ac:spMkLst>
        </pc:spChg>
        <pc:spChg chg="add mod">
          <ac:chgData name="Matias Vázquez Piñón" userId="2f86a967-3c9c-4a39-b538-7e6c0574d83d" providerId="ADAL" clId="{FF34E82E-70A5-47A1-988E-8EC70675C3B6}" dt="2022-07-11T10:09:06.962" v="136" actId="403"/>
          <ac:spMkLst>
            <pc:docMk/>
            <pc:sldMk cId="1114477602" sldId="262"/>
            <ac:spMk id="6" creationId="{0761F890-4CAF-3BB1-F606-5D9E8394394F}"/>
          </ac:spMkLst>
        </pc:spChg>
        <pc:spChg chg="add mod">
          <ac:chgData name="Matias Vázquez Piñón" userId="2f86a967-3c9c-4a39-b538-7e6c0574d83d" providerId="ADAL" clId="{FF34E82E-70A5-47A1-988E-8EC70675C3B6}" dt="2022-07-11T10:08:59.160" v="131" actId="255"/>
          <ac:spMkLst>
            <pc:docMk/>
            <pc:sldMk cId="1114477602" sldId="262"/>
            <ac:spMk id="7" creationId="{9D094C83-C82F-A91D-D0A3-AC360510BBB9}"/>
          </ac:spMkLst>
        </pc:spChg>
        <pc:spChg chg="add mod">
          <ac:chgData name="Matias Vázquez Piñón" userId="2f86a967-3c9c-4a39-b538-7e6c0574d83d" providerId="ADAL" clId="{FF34E82E-70A5-47A1-988E-8EC70675C3B6}" dt="2022-07-11T10:08:48.007" v="129" actId="403"/>
          <ac:spMkLst>
            <pc:docMk/>
            <pc:sldMk cId="1114477602" sldId="262"/>
            <ac:spMk id="8" creationId="{157AB283-A8EA-2772-853C-2554084DCDCC}"/>
          </ac:spMkLst>
        </pc:spChg>
        <pc:spChg chg="add mod">
          <ac:chgData name="Matias Vázquez Piñón" userId="2f86a967-3c9c-4a39-b538-7e6c0574d83d" providerId="ADAL" clId="{FF34E82E-70A5-47A1-988E-8EC70675C3B6}" dt="2022-07-11T10:09:37.711" v="158" actId="1076"/>
          <ac:spMkLst>
            <pc:docMk/>
            <pc:sldMk cId="1114477602" sldId="262"/>
            <ac:spMk id="9" creationId="{610A50C4-23A8-5D37-8236-994C2355F77A}"/>
          </ac:spMkLst>
        </pc:spChg>
      </pc:sldChg>
      <pc:sldChg chg="del">
        <pc:chgData name="Matias Vázquez Piñón" userId="2f86a967-3c9c-4a39-b538-7e6c0574d83d" providerId="ADAL" clId="{FF34E82E-70A5-47A1-988E-8EC70675C3B6}" dt="2022-07-11T10:05:45.052" v="31" actId="47"/>
        <pc:sldMkLst>
          <pc:docMk/>
          <pc:sldMk cId="1944785628" sldId="262"/>
        </pc:sldMkLst>
      </pc:sldChg>
      <pc:sldChg chg="addSp modSp new mod ord modAnim">
        <pc:chgData name="Matias Vázquez Piñón" userId="2f86a967-3c9c-4a39-b538-7e6c0574d83d" providerId="ADAL" clId="{FF34E82E-70A5-47A1-988E-8EC70675C3B6}" dt="2022-07-11T10:27:14.663" v="279"/>
        <pc:sldMkLst>
          <pc:docMk/>
          <pc:sldMk cId="3267376188" sldId="263"/>
        </pc:sldMkLst>
        <pc:picChg chg="add mod">
          <ac:chgData name="Matias Vázquez Piñón" userId="2f86a967-3c9c-4a39-b538-7e6c0574d83d" providerId="ADAL" clId="{FF34E82E-70A5-47A1-988E-8EC70675C3B6}" dt="2022-07-11T10:17:07.291" v="221" actId="1076"/>
          <ac:picMkLst>
            <pc:docMk/>
            <pc:sldMk cId="3267376188" sldId="263"/>
            <ac:picMk id="4" creationId="{B15587F0-C9EB-DAC0-353A-69AE974F1A84}"/>
          </ac:picMkLst>
        </pc:picChg>
      </pc:sldChg>
      <pc:sldChg chg="del">
        <pc:chgData name="Matias Vázquez Piñón" userId="2f86a967-3c9c-4a39-b538-7e6c0574d83d" providerId="ADAL" clId="{FF34E82E-70A5-47A1-988E-8EC70675C3B6}" dt="2022-07-11T10:05:41.294" v="30" actId="47"/>
        <pc:sldMkLst>
          <pc:docMk/>
          <pc:sldMk cId="3555532551" sldId="263"/>
        </pc:sldMkLst>
      </pc:sldChg>
      <pc:sldChg chg="modSp new mod ord">
        <pc:chgData name="Matias Vázquez Piñón" userId="2f86a967-3c9c-4a39-b538-7e6c0574d83d" providerId="ADAL" clId="{FF34E82E-70A5-47A1-988E-8EC70675C3B6}" dt="2022-07-11T10:27:14.663" v="279"/>
        <pc:sldMkLst>
          <pc:docMk/>
          <pc:sldMk cId="1541602872" sldId="264"/>
        </pc:sldMkLst>
        <pc:spChg chg="mod">
          <ac:chgData name="Matias Vázquez Piñón" userId="2f86a967-3c9c-4a39-b538-7e6c0574d83d" providerId="ADAL" clId="{FF34E82E-70A5-47A1-988E-8EC70675C3B6}" dt="2022-07-11T10:13:52.271" v="199" actId="20577"/>
          <ac:spMkLst>
            <pc:docMk/>
            <pc:sldMk cId="1541602872" sldId="264"/>
            <ac:spMk id="2" creationId="{936939C2-7758-7AB4-6EF1-8EE461804388}"/>
          </ac:spMkLst>
        </pc:spChg>
        <pc:spChg chg="mod">
          <ac:chgData name="Matias Vázquez Piñón" userId="2f86a967-3c9c-4a39-b538-7e6c0574d83d" providerId="ADAL" clId="{FF34E82E-70A5-47A1-988E-8EC70675C3B6}" dt="2022-07-11T10:14:59.050" v="210" actId="404"/>
          <ac:spMkLst>
            <pc:docMk/>
            <pc:sldMk cId="1541602872" sldId="264"/>
            <ac:spMk id="3" creationId="{ECC8BA5C-A622-73E6-ABDE-1ED766A2A7BA}"/>
          </ac:spMkLst>
        </pc:spChg>
      </pc:sldChg>
      <pc:sldChg chg="del">
        <pc:chgData name="Matias Vázquez Piñón" userId="2f86a967-3c9c-4a39-b538-7e6c0574d83d" providerId="ADAL" clId="{FF34E82E-70A5-47A1-988E-8EC70675C3B6}" dt="2022-07-11T10:05:45.052" v="31" actId="47"/>
        <pc:sldMkLst>
          <pc:docMk/>
          <pc:sldMk cId="2322098846" sldId="264"/>
        </pc:sldMkLst>
      </pc:sldChg>
      <pc:sldChg chg="del">
        <pc:chgData name="Matias Vázquez Piñón" userId="2f86a967-3c9c-4a39-b538-7e6c0574d83d" providerId="ADAL" clId="{FF34E82E-70A5-47A1-988E-8EC70675C3B6}" dt="2022-07-11T10:05:45.052" v="31" actId="47"/>
        <pc:sldMkLst>
          <pc:docMk/>
          <pc:sldMk cId="500531860" sldId="265"/>
        </pc:sldMkLst>
      </pc:sldChg>
      <pc:sldChg chg="addSp delSp modSp add mod ord">
        <pc:chgData name="Matias Vázquez Piñón" userId="2f86a967-3c9c-4a39-b538-7e6c0574d83d" providerId="ADAL" clId="{FF34E82E-70A5-47A1-988E-8EC70675C3B6}" dt="2022-07-11T10:27:14.663" v="279"/>
        <pc:sldMkLst>
          <pc:docMk/>
          <pc:sldMk cId="1866930102" sldId="512"/>
        </pc:sldMkLst>
        <pc:spChg chg="del mod">
          <ac:chgData name="Matias Vázquez Piñón" userId="2f86a967-3c9c-4a39-b538-7e6c0574d83d" providerId="ADAL" clId="{FF34E82E-70A5-47A1-988E-8EC70675C3B6}" dt="2022-07-11T10:15:34.690" v="213" actId="478"/>
          <ac:spMkLst>
            <pc:docMk/>
            <pc:sldMk cId="1866930102" sldId="512"/>
            <ac:spMk id="2" creationId="{CF4C5CE5-C888-4306-B3F7-A92BAEDFB693}"/>
          </ac:spMkLst>
        </pc:spChg>
        <pc:spChg chg="del">
          <ac:chgData name="Matias Vázquez Piñón" userId="2f86a967-3c9c-4a39-b538-7e6c0574d83d" providerId="ADAL" clId="{FF34E82E-70A5-47A1-988E-8EC70675C3B6}" dt="2022-07-11T10:15:48.156" v="215" actId="478"/>
          <ac:spMkLst>
            <pc:docMk/>
            <pc:sldMk cId="1866930102" sldId="512"/>
            <ac:spMk id="3" creationId="{AF553265-15B9-400D-B98F-53D6A923ECAA}"/>
          </ac:spMkLst>
        </pc:spChg>
        <pc:spChg chg="mod">
          <ac:chgData name="Matias Vázquez Piñón" userId="2f86a967-3c9c-4a39-b538-7e6c0574d83d" providerId="ADAL" clId="{FF34E82E-70A5-47A1-988E-8EC70675C3B6}" dt="2022-07-11T10:15:57.641" v="216" actId="1076"/>
          <ac:spMkLst>
            <pc:docMk/>
            <pc:sldMk cId="1866930102" sldId="512"/>
            <ac:spMk id="13" creationId="{5946BC1E-D56B-47F7-AC44-FBC79188AD91}"/>
          </ac:spMkLst>
        </pc:spChg>
        <pc:spChg chg="mod">
          <ac:chgData name="Matias Vázquez Piñón" userId="2f86a967-3c9c-4a39-b538-7e6c0574d83d" providerId="ADAL" clId="{FF34E82E-70A5-47A1-988E-8EC70675C3B6}" dt="2022-07-11T10:15:57.641" v="216" actId="1076"/>
          <ac:spMkLst>
            <pc:docMk/>
            <pc:sldMk cId="1866930102" sldId="512"/>
            <ac:spMk id="14" creationId="{47820238-EB73-4A42-9725-CBC6F6159856}"/>
          </ac:spMkLst>
        </pc:spChg>
        <pc:spChg chg="mod">
          <ac:chgData name="Matias Vázquez Piñón" userId="2f86a967-3c9c-4a39-b538-7e6c0574d83d" providerId="ADAL" clId="{FF34E82E-70A5-47A1-988E-8EC70675C3B6}" dt="2022-07-11T10:15:57.641" v="216" actId="1076"/>
          <ac:spMkLst>
            <pc:docMk/>
            <pc:sldMk cId="1866930102" sldId="512"/>
            <ac:spMk id="15" creationId="{993249AD-4C94-469C-8202-C07835C268E1}"/>
          </ac:spMkLst>
        </pc:spChg>
        <pc:spChg chg="mod">
          <ac:chgData name="Matias Vázquez Piñón" userId="2f86a967-3c9c-4a39-b538-7e6c0574d83d" providerId="ADAL" clId="{FF34E82E-70A5-47A1-988E-8EC70675C3B6}" dt="2022-07-11T10:15:57.641" v="216" actId="1076"/>
          <ac:spMkLst>
            <pc:docMk/>
            <pc:sldMk cId="1866930102" sldId="512"/>
            <ac:spMk id="16" creationId="{72D46939-4BBC-4001-B5A8-C9F4BBF79C22}"/>
          </ac:spMkLst>
        </pc:spChg>
        <pc:spChg chg="mod">
          <ac:chgData name="Matias Vázquez Piñón" userId="2f86a967-3c9c-4a39-b538-7e6c0574d83d" providerId="ADAL" clId="{FF34E82E-70A5-47A1-988E-8EC70675C3B6}" dt="2022-07-11T10:15:57.641" v="216" actId="1076"/>
          <ac:spMkLst>
            <pc:docMk/>
            <pc:sldMk cId="1866930102" sldId="512"/>
            <ac:spMk id="17" creationId="{0537D044-9C72-4849-84DB-566E91510D0A}"/>
          </ac:spMkLst>
        </pc:spChg>
        <pc:spChg chg="mod">
          <ac:chgData name="Matias Vázquez Piñón" userId="2f86a967-3c9c-4a39-b538-7e6c0574d83d" providerId="ADAL" clId="{FF34E82E-70A5-47A1-988E-8EC70675C3B6}" dt="2022-07-11T10:15:57.641" v="216" actId="1076"/>
          <ac:spMkLst>
            <pc:docMk/>
            <pc:sldMk cId="1866930102" sldId="512"/>
            <ac:spMk id="18" creationId="{104BA902-ED0B-4F37-BDB8-D2499E61B699}"/>
          </ac:spMkLst>
        </pc:spChg>
        <pc:spChg chg="mod">
          <ac:chgData name="Matias Vázquez Piñón" userId="2f86a967-3c9c-4a39-b538-7e6c0574d83d" providerId="ADAL" clId="{FF34E82E-70A5-47A1-988E-8EC70675C3B6}" dt="2022-07-11T10:15:57.641" v="216" actId="1076"/>
          <ac:spMkLst>
            <pc:docMk/>
            <pc:sldMk cId="1866930102" sldId="512"/>
            <ac:spMk id="20" creationId="{24100ED5-40BB-4D24-B3AC-74748F615F95}"/>
          </ac:spMkLst>
        </pc:spChg>
        <pc:spChg chg="mod">
          <ac:chgData name="Matias Vázquez Piñón" userId="2f86a967-3c9c-4a39-b538-7e6c0574d83d" providerId="ADAL" clId="{FF34E82E-70A5-47A1-988E-8EC70675C3B6}" dt="2022-07-11T10:15:57.641" v="216" actId="1076"/>
          <ac:spMkLst>
            <pc:docMk/>
            <pc:sldMk cId="1866930102" sldId="512"/>
            <ac:spMk id="21" creationId="{2824875A-512D-4E13-910E-0E47AA6050A9}"/>
          </ac:spMkLst>
        </pc:spChg>
        <pc:spChg chg="mod">
          <ac:chgData name="Matias Vázquez Piñón" userId="2f86a967-3c9c-4a39-b538-7e6c0574d83d" providerId="ADAL" clId="{FF34E82E-70A5-47A1-988E-8EC70675C3B6}" dt="2022-07-11T10:15:57.641" v="216" actId="1076"/>
          <ac:spMkLst>
            <pc:docMk/>
            <pc:sldMk cId="1866930102" sldId="512"/>
            <ac:spMk id="22" creationId="{6AB57F94-4E45-4F78-AC20-B2E1EE1D0EAA}"/>
          </ac:spMkLst>
        </pc:spChg>
        <pc:spChg chg="mod">
          <ac:chgData name="Matias Vázquez Piñón" userId="2f86a967-3c9c-4a39-b538-7e6c0574d83d" providerId="ADAL" clId="{FF34E82E-70A5-47A1-988E-8EC70675C3B6}" dt="2022-07-11T10:15:57.641" v="216" actId="1076"/>
          <ac:spMkLst>
            <pc:docMk/>
            <pc:sldMk cId="1866930102" sldId="512"/>
            <ac:spMk id="23" creationId="{CE8D5C63-1894-4FC0-B56D-A53DBFC3EDE3}"/>
          </ac:spMkLst>
        </pc:spChg>
        <pc:spChg chg="mod">
          <ac:chgData name="Matias Vázquez Piñón" userId="2f86a967-3c9c-4a39-b538-7e6c0574d83d" providerId="ADAL" clId="{FF34E82E-70A5-47A1-988E-8EC70675C3B6}" dt="2022-07-11T10:15:57.641" v="216" actId="1076"/>
          <ac:spMkLst>
            <pc:docMk/>
            <pc:sldMk cId="1866930102" sldId="512"/>
            <ac:spMk id="24" creationId="{0049CC7D-7763-4B51-A692-2EE25C510E43}"/>
          </ac:spMkLst>
        </pc:spChg>
        <pc:spChg chg="add mod">
          <ac:chgData name="Matias Vázquez Piñón" userId="2f86a967-3c9c-4a39-b538-7e6c0574d83d" providerId="ADAL" clId="{FF34E82E-70A5-47A1-988E-8EC70675C3B6}" dt="2022-07-11T10:15:40.450" v="214"/>
          <ac:spMkLst>
            <pc:docMk/>
            <pc:sldMk cId="1866930102" sldId="512"/>
            <ac:spMk id="25" creationId="{3DD58525-8360-F6A4-2A5C-EEF888029743}"/>
          </ac:spMkLst>
        </pc:spChg>
        <pc:picChg chg="mod">
          <ac:chgData name="Matias Vázquez Piñón" userId="2f86a967-3c9c-4a39-b538-7e6c0574d83d" providerId="ADAL" clId="{FF34E82E-70A5-47A1-988E-8EC70675C3B6}" dt="2022-07-11T10:15:57.641" v="216" actId="1076"/>
          <ac:picMkLst>
            <pc:docMk/>
            <pc:sldMk cId="1866930102" sldId="512"/>
            <ac:picMk id="6" creationId="{02D1FE78-AEEC-4CDA-A334-640B177CED4C}"/>
          </ac:picMkLst>
        </pc:picChg>
        <pc:picChg chg="mod">
          <ac:chgData name="Matias Vázquez Piñón" userId="2f86a967-3c9c-4a39-b538-7e6c0574d83d" providerId="ADAL" clId="{FF34E82E-70A5-47A1-988E-8EC70675C3B6}" dt="2022-07-11T10:15:57.641" v="216" actId="1076"/>
          <ac:picMkLst>
            <pc:docMk/>
            <pc:sldMk cId="1866930102" sldId="512"/>
            <ac:picMk id="7" creationId="{45364A31-60A6-44AC-A28C-9AE34379B654}"/>
          </ac:picMkLst>
        </pc:picChg>
        <pc:picChg chg="mod">
          <ac:chgData name="Matias Vázquez Piñón" userId="2f86a967-3c9c-4a39-b538-7e6c0574d83d" providerId="ADAL" clId="{FF34E82E-70A5-47A1-988E-8EC70675C3B6}" dt="2022-07-11T10:15:57.641" v="216" actId="1076"/>
          <ac:picMkLst>
            <pc:docMk/>
            <pc:sldMk cId="1866930102" sldId="512"/>
            <ac:picMk id="9" creationId="{25AECB00-A56F-4B06-842D-CC5E0455A3FC}"/>
          </ac:picMkLst>
        </pc:picChg>
        <pc:picChg chg="mod">
          <ac:chgData name="Matias Vázquez Piñón" userId="2f86a967-3c9c-4a39-b538-7e6c0574d83d" providerId="ADAL" clId="{FF34E82E-70A5-47A1-988E-8EC70675C3B6}" dt="2022-07-11T10:15:57.641" v="216" actId="1076"/>
          <ac:picMkLst>
            <pc:docMk/>
            <pc:sldMk cId="1866930102" sldId="512"/>
            <ac:picMk id="10" creationId="{5A636B98-5A67-4DBE-AF51-E2A5D505A187}"/>
          </ac:picMkLst>
        </pc:picChg>
        <pc:picChg chg="mod">
          <ac:chgData name="Matias Vázquez Piñón" userId="2f86a967-3c9c-4a39-b538-7e6c0574d83d" providerId="ADAL" clId="{FF34E82E-70A5-47A1-988E-8EC70675C3B6}" dt="2022-07-11T10:15:57.641" v="216" actId="1076"/>
          <ac:picMkLst>
            <pc:docMk/>
            <pc:sldMk cId="1866930102" sldId="512"/>
            <ac:picMk id="11" creationId="{A393D13C-098F-49D6-AA52-78E2CE69D53A}"/>
          </ac:picMkLst>
        </pc:picChg>
        <pc:picChg chg="mod">
          <ac:chgData name="Matias Vázquez Piñón" userId="2f86a967-3c9c-4a39-b538-7e6c0574d83d" providerId="ADAL" clId="{FF34E82E-70A5-47A1-988E-8EC70675C3B6}" dt="2022-07-11T10:15:57.641" v="216" actId="1076"/>
          <ac:picMkLst>
            <pc:docMk/>
            <pc:sldMk cId="1866930102" sldId="512"/>
            <ac:picMk id="12" creationId="{EF48679F-1EA9-4B67-A6D9-1E05FF743BE9}"/>
          </ac:picMkLst>
        </pc:picChg>
      </pc:sldChg>
      <pc:sldChg chg="addSp delSp modSp add mod ord delAnim modAnim">
        <pc:chgData name="Matias Vázquez Piñón" userId="2f86a967-3c9c-4a39-b538-7e6c0574d83d" providerId="ADAL" clId="{FF34E82E-70A5-47A1-988E-8EC70675C3B6}" dt="2022-07-11T10:27:14.663" v="279"/>
        <pc:sldMkLst>
          <pc:docMk/>
          <pc:sldMk cId="1666785065" sldId="513"/>
        </pc:sldMkLst>
        <pc:picChg chg="del">
          <ac:chgData name="Matias Vázquez Piñón" userId="2f86a967-3c9c-4a39-b538-7e6c0574d83d" providerId="ADAL" clId="{FF34E82E-70A5-47A1-988E-8EC70675C3B6}" dt="2022-07-11T10:16:37.743" v="218" actId="478"/>
          <ac:picMkLst>
            <pc:docMk/>
            <pc:sldMk cId="1666785065" sldId="513"/>
            <ac:picMk id="4" creationId="{B15587F0-C9EB-DAC0-353A-69AE974F1A84}"/>
          </ac:picMkLst>
        </pc:picChg>
        <pc:picChg chg="add mod">
          <ac:chgData name="Matias Vázquez Piñón" userId="2f86a967-3c9c-4a39-b538-7e6c0574d83d" providerId="ADAL" clId="{FF34E82E-70A5-47A1-988E-8EC70675C3B6}" dt="2022-07-11T10:17:16.978" v="223" actId="1076"/>
          <ac:picMkLst>
            <pc:docMk/>
            <pc:sldMk cId="1666785065" sldId="513"/>
            <ac:picMk id="5" creationId="{4514E8FD-F2B8-EF27-4749-0796252BE997}"/>
          </ac:picMkLst>
        </pc:picChg>
      </pc:sldChg>
      <pc:sldChg chg="modSp add del mod ord modClrScheme chgLayout">
        <pc:chgData name="Matias Vázquez Piñón" userId="2f86a967-3c9c-4a39-b538-7e6c0574d83d" providerId="ADAL" clId="{FF34E82E-70A5-47A1-988E-8EC70675C3B6}" dt="2022-08-15T09:06:38.992" v="1848" actId="207"/>
        <pc:sldMkLst>
          <pc:docMk/>
          <pc:sldMk cId="771991772" sldId="514"/>
        </pc:sldMkLst>
        <pc:spChg chg="mod ord">
          <ac:chgData name="Matias Vázquez Piñón" userId="2f86a967-3c9c-4a39-b538-7e6c0574d83d" providerId="ADAL" clId="{FF34E82E-70A5-47A1-988E-8EC70675C3B6}" dt="2022-07-11T10:21:16.095" v="234" actId="207"/>
          <ac:spMkLst>
            <pc:docMk/>
            <pc:sldMk cId="771991772" sldId="514"/>
            <ac:spMk id="2" creationId="{B2AD7608-0A04-4E52-AD9D-A34B2B8108B6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4" creationId="{B4363B3F-8A80-44F0-9D8B-A36E3225613C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5" creationId="{FC496DA7-ADF7-4435-9912-3AEE6B3832EA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6" creationId="{5BC15882-B877-4E3E-AAB7-CAB53DCAE363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7" creationId="{39344D49-0509-415D-9F0A-953E28629928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8" creationId="{5A94F79F-200A-4B57-B4E8-2FA6092A1E13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9" creationId="{7D344715-9D10-4FD2-AA69-AE15473B634B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10" creationId="{D5E9AEEB-5270-4CF2-9118-ECD3CC666521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11" creationId="{7163ED74-6C4D-4189-BB50-2B2857831A9D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13" creationId="{A15D175A-7A43-4616-9686-8912FF054B26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14" creationId="{D2FBA79E-BC34-4673-8979-546D539FE6F1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15" creationId="{21EE81C1-9AF4-4B20-A0EA-C8E516B21F35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16" creationId="{D5434142-2FFA-48AA-9CD3-F2B33002C0FA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17" creationId="{A344FEAF-1539-4CAF-B81F-FBE8B3A8E726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18" creationId="{60C64F4E-33D8-499B-B89C-FCA96E8FF2DC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20" creationId="{DF80D990-9CB1-425F-9495-4DA090E187BA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21" creationId="{72438401-82F4-46CD-B1FE-D28294F2B39A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33" creationId="{1E70BD3E-65FE-479A-AF70-B2EF0B9AC9CD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35" creationId="{4AEAB7A7-97F7-4A17-9FCD-4A5F5B6295DA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36" creationId="{F0637149-9473-469F-BB27-A89E1F4CF25A}"/>
          </ac:spMkLst>
        </pc:spChg>
        <pc:spChg chg="mod">
          <ac:chgData name="Matias Vázquez Piñón" userId="2f86a967-3c9c-4a39-b538-7e6c0574d83d" providerId="ADAL" clId="{FF34E82E-70A5-47A1-988E-8EC70675C3B6}" dt="2022-07-11T10:23:27.402" v="250" actId="1076"/>
          <ac:spMkLst>
            <pc:docMk/>
            <pc:sldMk cId="771991772" sldId="514"/>
            <ac:spMk id="40" creationId="{66BC6D81-A0CD-422C-B07F-62F5E443EBA5}"/>
          </ac:spMkLst>
        </pc:spChg>
        <pc:spChg chg="mod">
          <ac:chgData name="Matias Vázquez Piñón" userId="2f86a967-3c9c-4a39-b538-7e6c0574d83d" providerId="ADAL" clId="{FF34E82E-70A5-47A1-988E-8EC70675C3B6}" dt="2022-08-15T09:06:38.992" v="1848" actId="207"/>
          <ac:spMkLst>
            <pc:docMk/>
            <pc:sldMk cId="771991772" sldId="514"/>
            <ac:spMk id="126" creationId="{A76B4F4E-21AD-28CC-84BA-6EFE6F2D075A}"/>
          </ac:spMkLst>
        </pc:spChg>
        <pc:picChg chg="mod">
          <ac:chgData name="Matias Vázquez Piñón" userId="2f86a967-3c9c-4a39-b538-7e6c0574d83d" providerId="ADAL" clId="{FF34E82E-70A5-47A1-988E-8EC70675C3B6}" dt="2022-07-11T10:23:27.402" v="250" actId="1076"/>
          <ac:picMkLst>
            <pc:docMk/>
            <pc:sldMk cId="771991772" sldId="514"/>
            <ac:picMk id="3" creationId="{2AECDA82-3CCA-4812-BB7C-D2F545E586D8}"/>
          </ac:picMkLst>
        </pc:picChg>
        <pc:picChg chg="mod">
          <ac:chgData name="Matias Vázquez Piñón" userId="2f86a967-3c9c-4a39-b538-7e6c0574d83d" providerId="ADAL" clId="{FF34E82E-70A5-47A1-988E-8EC70675C3B6}" dt="2022-07-11T10:23:27.402" v="250" actId="1076"/>
          <ac:picMkLst>
            <pc:docMk/>
            <pc:sldMk cId="771991772" sldId="514"/>
            <ac:picMk id="22" creationId="{36EFFCEC-6CE4-4E0C-BB7F-1CA2F201F7DE}"/>
          </ac:picMkLst>
        </pc:picChg>
        <pc:picChg chg="mod">
          <ac:chgData name="Matias Vázquez Piñón" userId="2f86a967-3c9c-4a39-b538-7e6c0574d83d" providerId="ADAL" clId="{FF34E82E-70A5-47A1-988E-8EC70675C3B6}" dt="2022-07-11T10:23:27.402" v="250" actId="1076"/>
          <ac:picMkLst>
            <pc:docMk/>
            <pc:sldMk cId="771991772" sldId="514"/>
            <ac:picMk id="27" creationId="{C8AC311E-9ADC-4AA9-9EDF-A5543D2802C5}"/>
          </ac:picMkLst>
        </pc:picChg>
        <pc:picChg chg="mod">
          <ac:chgData name="Matias Vázquez Piñón" userId="2f86a967-3c9c-4a39-b538-7e6c0574d83d" providerId="ADAL" clId="{FF34E82E-70A5-47A1-988E-8EC70675C3B6}" dt="2022-07-11T10:23:27.402" v="250" actId="1076"/>
          <ac:picMkLst>
            <pc:docMk/>
            <pc:sldMk cId="771991772" sldId="514"/>
            <ac:picMk id="38" creationId="{D8509625-FBE7-47D8-A23D-B56F22684AC8}"/>
          </ac:picMkLst>
        </pc:picChg>
        <pc:picChg chg="mod">
          <ac:chgData name="Matias Vázquez Piñón" userId="2f86a967-3c9c-4a39-b538-7e6c0574d83d" providerId="ADAL" clId="{FF34E82E-70A5-47A1-988E-8EC70675C3B6}" dt="2022-07-11T10:23:27.402" v="250" actId="1076"/>
          <ac:picMkLst>
            <pc:docMk/>
            <pc:sldMk cId="771991772" sldId="514"/>
            <ac:picMk id="42" creationId="{8AA09063-4093-4123-9F05-AAB5C9F7EB4E}"/>
          </ac:picMkLst>
        </pc:picChg>
        <pc:picChg chg="mod">
          <ac:chgData name="Matias Vázquez Piñón" userId="2f86a967-3c9c-4a39-b538-7e6c0574d83d" providerId="ADAL" clId="{FF34E82E-70A5-47A1-988E-8EC70675C3B6}" dt="2022-07-11T10:23:27.402" v="250" actId="1076"/>
          <ac:picMkLst>
            <pc:docMk/>
            <pc:sldMk cId="771991772" sldId="514"/>
            <ac:picMk id="45" creationId="{553A9421-3356-4A0E-B7AC-AF6423E358B2}"/>
          </ac:picMkLst>
        </pc:picChg>
        <pc:cxnChg chg="mod">
          <ac:chgData name="Matias Vázquez Piñón" userId="2f86a967-3c9c-4a39-b538-7e6c0574d83d" providerId="ADAL" clId="{FF34E82E-70A5-47A1-988E-8EC70675C3B6}" dt="2022-07-11T10:23:27.402" v="250" actId="1076"/>
          <ac:cxnSpMkLst>
            <pc:docMk/>
            <pc:sldMk cId="771991772" sldId="514"/>
            <ac:cxnSpMk id="23" creationId="{5D239315-16DB-4A9D-B8A0-5032A0AFF202}"/>
          </ac:cxnSpMkLst>
        </pc:cxnChg>
        <pc:cxnChg chg="mod">
          <ac:chgData name="Matias Vázquez Piñón" userId="2f86a967-3c9c-4a39-b538-7e6c0574d83d" providerId="ADAL" clId="{FF34E82E-70A5-47A1-988E-8EC70675C3B6}" dt="2022-07-11T10:23:27.402" v="250" actId="1076"/>
          <ac:cxnSpMkLst>
            <pc:docMk/>
            <pc:sldMk cId="771991772" sldId="514"/>
            <ac:cxnSpMk id="26" creationId="{2F74E9BA-E29C-47EE-A1F3-C2FDD7A90572}"/>
          </ac:cxnSpMkLst>
        </pc:cxnChg>
        <pc:cxnChg chg="mod">
          <ac:chgData name="Matias Vázquez Piñón" userId="2f86a967-3c9c-4a39-b538-7e6c0574d83d" providerId="ADAL" clId="{FF34E82E-70A5-47A1-988E-8EC70675C3B6}" dt="2022-07-11T10:23:27.402" v="250" actId="1076"/>
          <ac:cxnSpMkLst>
            <pc:docMk/>
            <pc:sldMk cId="771991772" sldId="514"/>
            <ac:cxnSpMk id="30" creationId="{975AF9A8-613B-40FE-8B98-509279636AB2}"/>
          </ac:cxnSpMkLst>
        </pc:cxnChg>
        <pc:cxnChg chg="mod">
          <ac:chgData name="Matias Vázquez Piñón" userId="2f86a967-3c9c-4a39-b538-7e6c0574d83d" providerId="ADAL" clId="{FF34E82E-70A5-47A1-988E-8EC70675C3B6}" dt="2022-07-11T10:23:27.402" v="250" actId="1076"/>
          <ac:cxnSpMkLst>
            <pc:docMk/>
            <pc:sldMk cId="771991772" sldId="514"/>
            <ac:cxnSpMk id="32" creationId="{F50161D5-CF99-477B-8BD3-09CE776F835B}"/>
          </ac:cxnSpMkLst>
        </pc:cxnChg>
        <pc:cxnChg chg="mod">
          <ac:chgData name="Matias Vázquez Piñón" userId="2f86a967-3c9c-4a39-b538-7e6c0574d83d" providerId="ADAL" clId="{FF34E82E-70A5-47A1-988E-8EC70675C3B6}" dt="2022-07-11T10:23:27.402" v="250" actId="1076"/>
          <ac:cxnSpMkLst>
            <pc:docMk/>
            <pc:sldMk cId="771991772" sldId="514"/>
            <ac:cxnSpMk id="34" creationId="{4C7FA3DB-8CC8-432D-AB79-789188FAB7A9}"/>
          </ac:cxnSpMkLst>
        </pc:cxnChg>
      </pc:sldChg>
      <pc:sldChg chg="addSp modSp add del mod ord modClrScheme chgLayout">
        <pc:chgData name="Matias Vázquez Piñón" userId="2f86a967-3c9c-4a39-b538-7e6c0574d83d" providerId="ADAL" clId="{FF34E82E-70A5-47A1-988E-8EC70675C3B6}" dt="2022-07-11T10:30:57.366" v="298" actId="47"/>
        <pc:sldMkLst>
          <pc:docMk/>
          <pc:sldMk cId="3723919841" sldId="515"/>
        </pc:sldMkLst>
        <pc:spChg chg="mod ord">
          <ac:chgData name="Matias Vázquez Piñón" userId="2f86a967-3c9c-4a39-b538-7e6c0574d83d" providerId="ADAL" clId="{FF34E82E-70A5-47A1-988E-8EC70675C3B6}" dt="2022-07-11T10:22:31.702" v="247" actId="700"/>
          <ac:spMkLst>
            <pc:docMk/>
            <pc:sldMk cId="3723919841" sldId="515"/>
            <ac:spMk id="2" creationId="{ED49D441-115A-4A9E-9015-ADDCFB37861A}"/>
          </ac:spMkLst>
        </pc:spChg>
        <pc:spChg chg="mod ord">
          <ac:chgData name="Matias Vázquez Piñón" userId="2f86a967-3c9c-4a39-b538-7e6c0574d83d" providerId="ADAL" clId="{FF34E82E-70A5-47A1-988E-8EC70675C3B6}" dt="2022-07-11T10:22:31.702" v="247" actId="700"/>
          <ac:spMkLst>
            <pc:docMk/>
            <pc:sldMk cId="3723919841" sldId="515"/>
            <ac:spMk id="3" creationId="{1B3D1E83-746C-4F83-A987-77D70D84EE52}"/>
          </ac:spMkLst>
        </pc:spChg>
        <pc:spChg chg="add mod ord">
          <ac:chgData name="Matias Vázquez Piñón" userId="2f86a967-3c9c-4a39-b538-7e6c0574d83d" providerId="ADAL" clId="{FF34E82E-70A5-47A1-988E-8EC70675C3B6}" dt="2022-07-11T10:22:31.702" v="247" actId="700"/>
          <ac:spMkLst>
            <pc:docMk/>
            <pc:sldMk cId="3723919841" sldId="515"/>
            <ac:spMk id="4" creationId="{B12B4124-AC61-35DA-5C5E-29D2AA1A6CEC}"/>
          </ac:spMkLst>
        </pc:spChg>
      </pc:sldChg>
      <pc:sldChg chg="addSp delSp modSp add mod modClrScheme chgLayout">
        <pc:chgData name="Matias Vázquez Piñón" userId="2f86a967-3c9c-4a39-b538-7e6c0574d83d" providerId="ADAL" clId="{FF34E82E-70A5-47A1-988E-8EC70675C3B6}" dt="2022-07-22T14:44:45.677" v="1059" actId="20577"/>
        <pc:sldMkLst>
          <pc:docMk/>
          <pc:sldMk cId="471044012" sldId="516"/>
        </pc:sldMkLst>
        <pc:spChg chg="add del mod">
          <ac:chgData name="Matias Vázquez Piñón" userId="2f86a967-3c9c-4a39-b538-7e6c0574d83d" providerId="ADAL" clId="{FF34E82E-70A5-47A1-988E-8EC70675C3B6}" dt="2022-07-22T14:42:15.580" v="1017" actId="478"/>
          <ac:spMkLst>
            <pc:docMk/>
            <pc:sldMk cId="471044012" sldId="516"/>
            <ac:spMk id="2" creationId="{087F34D3-67AE-5590-92A2-34284879EC28}"/>
          </ac:spMkLst>
        </pc:spChg>
        <pc:spChg chg="add del mod ord">
          <ac:chgData name="Matias Vázquez Piñón" userId="2f86a967-3c9c-4a39-b538-7e6c0574d83d" providerId="ADAL" clId="{FF34E82E-70A5-47A1-988E-8EC70675C3B6}" dt="2022-07-11T10:25:30.968" v="268" actId="478"/>
          <ac:spMkLst>
            <pc:docMk/>
            <pc:sldMk cId="471044012" sldId="516"/>
            <ac:spMk id="2" creationId="{B46B4CEA-5399-E809-47B6-1E28C2CF8CB2}"/>
          </ac:spMkLst>
        </pc:spChg>
        <pc:spChg chg="add del mod">
          <ac:chgData name="Matias Vázquez Piñón" userId="2f86a967-3c9c-4a39-b538-7e6c0574d83d" providerId="ADAL" clId="{FF34E82E-70A5-47A1-988E-8EC70675C3B6}" dt="2022-07-22T14:42:18.902" v="1019" actId="478"/>
          <ac:spMkLst>
            <pc:docMk/>
            <pc:sldMk cId="471044012" sldId="516"/>
            <ac:spMk id="3" creationId="{A55154B9-A151-EFB8-2FB4-1A334E7A1507}"/>
          </ac:spMkLst>
        </pc:spChg>
        <pc:spChg chg="add del mod">
          <ac:chgData name="Matias Vázquez Piñón" userId="2f86a967-3c9c-4a39-b538-7e6c0574d83d" providerId="ADAL" clId="{FF34E82E-70A5-47A1-988E-8EC70675C3B6}" dt="2022-07-11T10:24:55.462" v="263" actId="478"/>
          <ac:spMkLst>
            <pc:docMk/>
            <pc:sldMk cId="471044012" sldId="516"/>
            <ac:spMk id="3" creationId="{D607A427-D732-6D08-3C10-DC17C6502475}"/>
          </ac:spMkLst>
        </pc:spChg>
        <pc:spChg chg="mod ord">
          <ac:chgData name="Matias Vázquez Piñón" userId="2f86a967-3c9c-4a39-b538-7e6c0574d83d" providerId="ADAL" clId="{FF34E82E-70A5-47A1-988E-8EC70675C3B6}" dt="2022-07-11T10:23:39.996" v="251" actId="700"/>
          <ac:spMkLst>
            <pc:docMk/>
            <pc:sldMk cId="471044012" sldId="516"/>
            <ac:spMk id="4" creationId="{53FAF46C-4190-4BD7-975F-7FF0320B5A84}"/>
          </ac:spMkLst>
        </pc:spChg>
        <pc:spChg chg="mod">
          <ac:chgData name="Matias Vázquez Piñón" userId="2f86a967-3c9c-4a39-b538-7e6c0574d83d" providerId="ADAL" clId="{FF34E82E-70A5-47A1-988E-8EC70675C3B6}" dt="2022-07-11T10:25:25.238" v="266" actId="1076"/>
          <ac:spMkLst>
            <pc:docMk/>
            <pc:sldMk cId="471044012" sldId="516"/>
            <ac:spMk id="5" creationId="{37D6C27F-1509-4A73-A0BE-401238589232}"/>
          </ac:spMkLst>
        </pc:spChg>
        <pc:spChg chg="mod">
          <ac:chgData name="Matias Vázquez Piñón" userId="2f86a967-3c9c-4a39-b538-7e6c0574d83d" providerId="ADAL" clId="{FF34E82E-70A5-47A1-988E-8EC70675C3B6}" dt="2022-07-11T10:25:25.238" v="266" actId="1076"/>
          <ac:spMkLst>
            <pc:docMk/>
            <pc:sldMk cId="471044012" sldId="516"/>
            <ac:spMk id="6" creationId="{80907912-D092-41CC-8D38-2D85E0A0EEC9}"/>
          </ac:spMkLst>
        </pc:spChg>
        <pc:spChg chg="mod">
          <ac:chgData name="Matias Vázquez Piñón" userId="2f86a967-3c9c-4a39-b538-7e6c0574d83d" providerId="ADAL" clId="{FF34E82E-70A5-47A1-988E-8EC70675C3B6}" dt="2022-07-11T10:25:25.238" v="266" actId="1076"/>
          <ac:spMkLst>
            <pc:docMk/>
            <pc:sldMk cId="471044012" sldId="516"/>
            <ac:spMk id="9" creationId="{81B5BD22-899D-414E-88E0-CA6E0F329131}"/>
          </ac:spMkLst>
        </pc:spChg>
        <pc:spChg chg="mod">
          <ac:chgData name="Matias Vázquez Piñón" userId="2f86a967-3c9c-4a39-b538-7e6c0574d83d" providerId="ADAL" clId="{FF34E82E-70A5-47A1-988E-8EC70675C3B6}" dt="2022-07-11T10:25:25.238" v="266" actId="1076"/>
          <ac:spMkLst>
            <pc:docMk/>
            <pc:sldMk cId="471044012" sldId="516"/>
            <ac:spMk id="10" creationId="{8C7B712F-7A52-4151-A701-EF0707899A16}"/>
          </ac:spMkLst>
        </pc:spChg>
        <pc:spChg chg="mod">
          <ac:chgData name="Matias Vázquez Piñón" userId="2f86a967-3c9c-4a39-b538-7e6c0574d83d" providerId="ADAL" clId="{FF34E82E-70A5-47A1-988E-8EC70675C3B6}" dt="2022-07-11T10:25:25.238" v="266" actId="1076"/>
          <ac:spMkLst>
            <pc:docMk/>
            <pc:sldMk cId="471044012" sldId="516"/>
            <ac:spMk id="15" creationId="{9CECADE0-8F9A-465F-B179-E7F4EBDD5876}"/>
          </ac:spMkLst>
        </pc:spChg>
        <pc:spChg chg="mod">
          <ac:chgData name="Matias Vázquez Piñón" userId="2f86a967-3c9c-4a39-b538-7e6c0574d83d" providerId="ADAL" clId="{FF34E82E-70A5-47A1-988E-8EC70675C3B6}" dt="2022-07-11T10:25:25.238" v="266" actId="1076"/>
          <ac:spMkLst>
            <pc:docMk/>
            <pc:sldMk cId="471044012" sldId="516"/>
            <ac:spMk id="17" creationId="{0E7ECAD1-DD9B-42A4-B834-EB7398D81F00}"/>
          </ac:spMkLst>
        </pc:spChg>
        <pc:spChg chg="mod">
          <ac:chgData name="Matias Vázquez Piñón" userId="2f86a967-3c9c-4a39-b538-7e6c0574d83d" providerId="ADAL" clId="{FF34E82E-70A5-47A1-988E-8EC70675C3B6}" dt="2022-07-11T10:25:25.238" v="266" actId="1076"/>
          <ac:spMkLst>
            <pc:docMk/>
            <pc:sldMk cId="471044012" sldId="516"/>
            <ac:spMk id="18" creationId="{8F6B261C-C69D-4E79-A600-63E85E2F5284}"/>
          </ac:spMkLst>
        </pc:spChg>
        <pc:spChg chg="mod">
          <ac:chgData name="Matias Vázquez Piñón" userId="2f86a967-3c9c-4a39-b538-7e6c0574d83d" providerId="ADAL" clId="{FF34E82E-70A5-47A1-988E-8EC70675C3B6}" dt="2022-07-11T10:25:25.238" v="266" actId="1076"/>
          <ac:spMkLst>
            <pc:docMk/>
            <pc:sldMk cId="471044012" sldId="516"/>
            <ac:spMk id="26" creationId="{5DBE005D-AD26-47A0-ADFF-87271B3F351D}"/>
          </ac:spMkLst>
        </pc:spChg>
        <pc:spChg chg="mod">
          <ac:chgData name="Matias Vázquez Piñón" userId="2f86a967-3c9c-4a39-b538-7e6c0574d83d" providerId="ADAL" clId="{FF34E82E-70A5-47A1-988E-8EC70675C3B6}" dt="2022-07-22T14:44:45.677" v="1059" actId="20577"/>
          <ac:spMkLst>
            <pc:docMk/>
            <pc:sldMk cId="471044012" sldId="516"/>
            <ac:spMk id="29" creationId="{AE087AD3-268E-4447-932C-F1BF77879F35}"/>
          </ac:spMkLst>
        </pc:spChg>
        <pc:spChg chg="del mod ord">
          <ac:chgData name="Matias Vázquez Piñón" userId="2f86a967-3c9c-4a39-b538-7e6c0574d83d" providerId="ADAL" clId="{FF34E82E-70A5-47A1-988E-8EC70675C3B6}" dt="2022-07-11T10:24:52.764" v="262" actId="478"/>
          <ac:spMkLst>
            <pc:docMk/>
            <pc:sldMk cId="471044012" sldId="516"/>
            <ac:spMk id="30" creationId="{A11FCCA3-91E6-4031-8502-FEB91D321606}"/>
          </ac:spMkLst>
        </pc:spChg>
        <pc:spChg chg="mod">
          <ac:chgData name="Matias Vázquez Piñón" userId="2f86a967-3c9c-4a39-b538-7e6c0574d83d" providerId="ADAL" clId="{FF34E82E-70A5-47A1-988E-8EC70675C3B6}" dt="2022-07-11T10:25:25.238" v="266" actId="1076"/>
          <ac:spMkLst>
            <pc:docMk/>
            <pc:sldMk cId="471044012" sldId="516"/>
            <ac:spMk id="31" creationId="{E13C1A53-3F1B-4EF8-BA37-08E6F589F097}"/>
          </ac:spMkLst>
        </pc:spChg>
        <pc:spChg chg="mod">
          <ac:chgData name="Matias Vázquez Piñón" userId="2f86a967-3c9c-4a39-b538-7e6c0574d83d" providerId="ADAL" clId="{FF34E82E-70A5-47A1-988E-8EC70675C3B6}" dt="2022-07-11T10:25:25.238" v="266" actId="1076"/>
          <ac:spMkLst>
            <pc:docMk/>
            <pc:sldMk cId="471044012" sldId="516"/>
            <ac:spMk id="32" creationId="{83D34A5C-8BC9-4F59-BF90-E00796AAB20A}"/>
          </ac:spMkLst>
        </pc:spChg>
        <pc:spChg chg="mod">
          <ac:chgData name="Matias Vázquez Piñón" userId="2f86a967-3c9c-4a39-b538-7e6c0574d83d" providerId="ADAL" clId="{FF34E82E-70A5-47A1-988E-8EC70675C3B6}" dt="2022-07-11T10:25:25.238" v="266" actId="1076"/>
          <ac:spMkLst>
            <pc:docMk/>
            <pc:sldMk cId="471044012" sldId="516"/>
            <ac:spMk id="33" creationId="{6B7DFB32-690C-4006-8D02-49D906453384}"/>
          </ac:spMkLst>
        </pc:spChg>
        <pc:spChg chg="add del mod">
          <ac:chgData name="Matias Vázquez Piñón" userId="2f86a967-3c9c-4a39-b538-7e6c0574d83d" providerId="ADAL" clId="{FF34E82E-70A5-47A1-988E-8EC70675C3B6}" dt="2022-07-11T10:25:26.795" v="267"/>
          <ac:spMkLst>
            <pc:docMk/>
            <pc:sldMk cId="471044012" sldId="516"/>
            <ac:spMk id="36" creationId="{7911302E-02FD-03C3-B0D0-AC8017B59574}"/>
          </ac:spMkLst>
        </pc:spChg>
        <pc:grpChg chg="mod">
          <ac:chgData name="Matias Vázquez Piñón" userId="2f86a967-3c9c-4a39-b538-7e6c0574d83d" providerId="ADAL" clId="{FF34E82E-70A5-47A1-988E-8EC70675C3B6}" dt="2022-07-22T14:43:55.106" v="1040"/>
          <ac:grpSpMkLst>
            <pc:docMk/>
            <pc:sldMk cId="471044012" sldId="516"/>
            <ac:grpSpMk id="13" creationId="{C25CC09A-A29B-5B21-7415-82A89131C4A3}"/>
          </ac:grpSpMkLst>
        </pc:grpChg>
        <pc:grpChg chg="mod">
          <ac:chgData name="Matias Vázquez Piñón" userId="2f86a967-3c9c-4a39-b538-7e6c0574d83d" providerId="ADAL" clId="{FF34E82E-70A5-47A1-988E-8EC70675C3B6}" dt="2022-07-11T10:25:25.238" v="266" actId="1076"/>
          <ac:grpSpMkLst>
            <pc:docMk/>
            <pc:sldMk cId="471044012" sldId="516"/>
            <ac:grpSpMk id="22" creationId="{A3A7B9EE-1B9D-407E-A757-DAB7B90DE340}"/>
          </ac:grpSpMkLst>
        </pc:grpChg>
        <pc:grpChg chg="mod">
          <ac:chgData name="Matias Vázquez Piñón" userId="2f86a967-3c9c-4a39-b538-7e6c0574d83d" providerId="ADAL" clId="{FF34E82E-70A5-47A1-988E-8EC70675C3B6}" dt="2022-07-22T14:44:10.500" v="1048"/>
          <ac:grpSpMkLst>
            <pc:docMk/>
            <pc:sldMk cId="471044012" sldId="516"/>
            <ac:grpSpMk id="23" creationId="{C434E9F3-927A-89BE-3213-D5454FB34AA2}"/>
          </ac:grpSpMkLst>
        </pc:grpChg>
        <pc:grpChg chg="mod">
          <ac:chgData name="Matias Vázquez Piñón" userId="2f86a967-3c9c-4a39-b538-7e6c0574d83d" providerId="ADAL" clId="{FF34E82E-70A5-47A1-988E-8EC70675C3B6}" dt="2022-07-22T14:44:22.462" v="1054"/>
          <ac:grpSpMkLst>
            <pc:docMk/>
            <pc:sldMk cId="471044012" sldId="516"/>
            <ac:grpSpMk id="38" creationId="{403A18BC-7EE7-FA49-DAF5-2D5BF218F138}"/>
          </ac:grpSpMkLst>
        </pc:grpChg>
        <pc:picChg chg="mod">
          <ac:chgData name="Matias Vázquez Piñón" userId="2f86a967-3c9c-4a39-b538-7e6c0574d83d" providerId="ADAL" clId="{FF34E82E-70A5-47A1-988E-8EC70675C3B6}" dt="2022-07-11T10:25:25.238" v="266" actId="1076"/>
          <ac:picMkLst>
            <pc:docMk/>
            <pc:sldMk cId="471044012" sldId="516"/>
            <ac:picMk id="12" creationId="{CA4D2470-B58B-451F-B844-3112B514FB1E}"/>
          </ac:picMkLst>
        </pc:picChg>
        <pc:picChg chg="mod">
          <ac:chgData name="Matias Vázquez Piñón" userId="2f86a967-3c9c-4a39-b538-7e6c0574d83d" providerId="ADAL" clId="{FF34E82E-70A5-47A1-988E-8EC70675C3B6}" dt="2022-07-11T10:25:25.238" v="266" actId="1076"/>
          <ac:picMkLst>
            <pc:docMk/>
            <pc:sldMk cId="471044012" sldId="516"/>
            <ac:picMk id="14" creationId="{C8D0D947-293B-4603-ACC9-1281A63851B5}"/>
          </ac:picMkLst>
        </pc:picChg>
        <pc:picChg chg="mod">
          <ac:chgData name="Matias Vázquez Piñón" userId="2f86a967-3c9c-4a39-b538-7e6c0574d83d" providerId="ADAL" clId="{FF34E82E-70A5-47A1-988E-8EC70675C3B6}" dt="2022-07-11T10:25:25.238" v="266" actId="1076"/>
          <ac:picMkLst>
            <pc:docMk/>
            <pc:sldMk cId="471044012" sldId="516"/>
            <ac:picMk id="24" creationId="{BCFBFF97-EA01-425E-8D5F-1931C7313169}"/>
          </ac:picMkLst>
        </pc:picChg>
        <pc:picChg chg="add mod">
          <ac:chgData name="Matias Vázquez Piñón" userId="2f86a967-3c9c-4a39-b538-7e6c0574d83d" providerId="ADAL" clId="{FF34E82E-70A5-47A1-988E-8EC70675C3B6}" dt="2022-07-22T14:43:17.333" v="1035" actId="1076"/>
          <ac:picMkLst>
            <pc:docMk/>
            <pc:sldMk cId="471044012" sldId="516"/>
            <ac:picMk id="30" creationId="{FFB902E5-1FC0-4A61-0E52-D33FD0B6B700}"/>
          </ac:picMkLst>
        </pc:picChg>
        <pc:picChg chg="mod">
          <ac:chgData name="Matias Vázquez Piñón" userId="2f86a967-3c9c-4a39-b538-7e6c0574d83d" providerId="ADAL" clId="{FF34E82E-70A5-47A1-988E-8EC70675C3B6}" dt="2022-07-11T10:25:25.238" v="266" actId="1076"/>
          <ac:picMkLst>
            <pc:docMk/>
            <pc:sldMk cId="471044012" sldId="516"/>
            <ac:picMk id="35" creationId="{F462F344-4B39-417D-B137-ACCD377314BB}"/>
          </ac:picMkLst>
        </pc:picChg>
        <pc:inkChg chg="add del mod">
          <ac:chgData name="Matias Vázquez Piñón" userId="2f86a967-3c9c-4a39-b538-7e6c0574d83d" providerId="ADAL" clId="{FF34E82E-70A5-47A1-988E-8EC70675C3B6}" dt="2022-07-22T14:43:55.610" v="1041" actId="9405"/>
          <ac:inkMkLst>
            <pc:docMk/>
            <pc:sldMk cId="471044012" sldId="516"/>
            <ac:inkMk id="7" creationId="{E08BD803-B9A6-2CB2-4719-1CB63666D01F}"/>
          </ac:inkMkLst>
        </pc:inkChg>
        <pc:inkChg chg="add del mod">
          <ac:chgData name="Matias Vázquez Piñón" userId="2f86a967-3c9c-4a39-b538-7e6c0574d83d" providerId="ADAL" clId="{FF34E82E-70A5-47A1-988E-8EC70675C3B6}" dt="2022-07-22T14:43:55.106" v="1040"/>
          <ac:inkMkLst>
            <pc:docMk/>
            <pc:sldMk cId="471044012" sldId="516"/>
            <ac:inkMk id="11" creationId="{0928CDE8-C46A-1D66-A1F1-10D989C7A0D3}"/>
          </ac:inkMkLst>
        </pc:inkChg>
        <pc:inkChg chg="add del">
          <ac:chgData name="Matias Vázquez Piñón" userId="2f86a967-3c9c-4a39-b538-7e6c0574d83d" providerId="ADAL" clId="{FF34E82E-70A5-47A1-988E-8EC70675C3B6}" dt="2022-07-22T14:44:00.522" v="1043" actId="9405"/>
          <ac:inkMkLst>
            <pc:docMk/>
            <pc:sldMk cId="471044012" sldId="516"/>
            <ac:inkMk id="16" creationId="{B52DC477-1E26-C64C-5899-2BCFF3159402}"/>
          </ac:inkMkLst>
        </pc:inkChg>
        <pc:inkChg chg="add del mod">
          <ac:chgData name="Matias Vázquez Piñón" userId="2f86a967-3c9c-4a39-b538-7e6c0574d83d" providerId="ADAL" clId="{FF34E82E-70A5-47A1-988E-8EC70675C3B6}" dt="2022-07-22T14:44:11.162" v="1049" actId="9405"/>
          <ac:inkMkLst>
            <pc:docMk/>
            <pc:sldMk cId="471044012" sldId="516"/>
            <ac:inkMk id="19" creationId="{D269905C-F986-000E-D97B-22FBE51D6FB4}"/>
          </ac:inkMkLst>
        </pc:inkChg>
        <pc:inkChg chg="add del mod">
          <ac:chgData name="Matias Vázquez Piñón" userId="2f86a967-3c9c-4a39-b538-7e6c0574d83d" providerId="ADAL" clId="{FF34E82E-70A5-47A1-988E-8EC70675C3B6}" dt="2022-07-22T14:44:10.500" v="1048"/>
          <ac:inkMkLst>
            <pc:docMk/>
            <pc:sldMk cId="471044012" sldId="516"/>
            <ac:inkMk id="20" creationId="{A9224949-86DC-7DD2-A98B-18286A7D0B2C}"/>
          </ac:inkMkLst>
        </pc:inkChg>
        <pc:inkChg chg="add del">
          <ac:chgData name="Matias Vázquez Piñón" userId="2f86a967-3c9c-4a39-b538-7e6c0574d83d" providerId="ADAL" clId="{FF34E82E-70A5-47A1-988E-8EC70675C3B6}" dt="2022-07-22T14:44:18.836" v="1051" actId="9405"/>
          <ac:inkMkLst>
            <pc:docMk/>
            <pc:sldMk cId="471044012" sldId="516"/>
            <ac:inkMk id="25" creationId="{217B089A-8DA8-70BD-C091-5946FF572321}"/>
          </ac:inkMkLst>
        </pc:inkChg>
        <pc:inkChg chg="add mod">
          <ac:chgData name="Matias Vázquez Piñón" userId="2f86a967-3c9c-4a39-b538-7e6c0574d83d" providerId="ADAL" clId="{FF34E82E-70A5-47A1-988E-8EC70675C3B6}" dt="2022-07-22T14:44:22.462" v="1054"/>
          <ac:inkMkLst>
            <pc:docMk/>
            <pc:sldMk cId="471044012" sldId="516"/>
            <ac:inkMk id="36" creationId="{0129D138-590F-25A0-4570-6C5DB7A5862D}"/>
          </ac:inkMkLst>
        </pc:inkChg>
        <pc:inkChg chg="add mod">
          <ac:chgData name="Matias Vázquez Piñón" userId="2f86a967-3c9c-4a39-b538-7e6c0574d83d" providerId="ADAL" clId="{FF34E82E-70A5-47A1-988E-8EC70675C3B6}" dt="2022-07-22T14:44:22.462" v="1054"/>
          <ac:inkMkLst>
            <pc:docMk/>
            <pc:sldMk cId="471044012" sldId="516"/>
            <ac:inkMk id="37" creationId="{E8BBD0F5-2D74-62FA-725C-AA4B3B0BC009}"/>
          </ac:inkMkLst>
        </pc:inkChg>
        <pc:inkChg chg="add del">
          <ac:chgData name="Matias Vázquez Piñón" userId="2f86a967-3c9c-4a39-b538-7e6c0574d83d" providerId="ADAL" clId="{FF34E82E-70A5-47A1-988E-8EC70675C3B6}" dt="2022-07-22T14:44:39.964" v="1056" actId="9405"/>
          <ac:inkMkLst>
            <pc:docMk/>
            <pc:sldMk cId="471044012" sldId="516"/>
            <ac:inkMk id="39" creationId="{3306AC3A-3D4B-DAB1-C975-5C6822DC0A42}"/>
          </ac:inkMkLst>
        </pc:inkChg>
        <pc:inkChg chg="add">
          <ac:chgData name="Matias Vázquez Piñón" userId="2f86a967-3c9c-4a39-b538-7e6c0574d83d" providerId="ADAL" clId="{FF34E82E-70A5-47A1-988E-8EC70675C3B6}" dt="2022-07-22T14:44:41.886" v="1057" actId="9405"/>
          <ac:inkMkLst>
            <pc:docMk/>
            <pc:sldMk cId="471044012" sldId="516"/>
            <ac:inkMk id="40" creationId="{DFC6FC10-76C9-74B3-7B36-826488CD11CC}"/>
          </ac:inkMkLst>
        </pc:inkChg>
        <pc:cxnChg chg="mod">
          <ac:chgData name="Matias Vázquez Piñón" userId="2f86a967-3c9c-4a39-b538-7e6c0574d83d" providerId="ADAL" clId="{FF34E82E-70A5-47A1-988E-8EC70675C3B6}" dt="2022-07-11T10:25:25.238" v="266" actId="1076"/>
          <ac:cxnSpMkLst>
            <pc:docMk/>
            <pc:sldMk cId="471044012" sldId="516"/>
            <ac:cxnSpMk id="8" creationId="{6C53B87E-6E45-4CCF-B4B8-EB610119EA3F}"/>
          </ac:cxnSpMkLst>
        </pc:cxnChg>
        <pc:cxnChg chg="mod">
          <ac:chgData name="Matias Vázquez Piñón" userId="2f86a967-3c9c-4a39-b538-7e6c0574d83d" providerId="ADAL" clId="{FF34E82E-70A5-47A1-988E-8EC70675C3B6}" dt="2022-07-11T10:25:25.238" v="266" actId="1076"/>
          <ac:cxnSpMkLst>
            <pc:docMk/>
            <pc:sldMk cId="471044012" sldId="516"/>
            <ac:cxnSpMk id="21" creationId="{AF612BAA-BFB9-4563-9FF7-B5F88BE18F00}"/>
          </ac:cxnSpMkLst>
        </pc:cxnChg>
        <pc:cxnChg chg="mod">
          <ac:chgData name="Matias Vázquez Piñón" userId="2f86a967-3c9c-4a39-b538-7e6c0574d83d" providerId="ADAL" clId="{FF34E82E-70A5-47A1-988E-8EC70675C3B6}" dt="2022-07-11T10:25:25.238" v="266" actId="1076"/>
          <ac:cxnSpMkLst>
            <pc:docMk/>
            <pc:sldMk cId="471044012" sldId="516"/>
            <ac:cxnSpMk id="27" creationId="{1F893D87-A6B2-4206-BECB-7495EE36F386}"/>
          </ac:cxnSpMkLst>
        </pc:cxnChg>
        <pc:cxnChg chg="mod">
          <ac:chgData name="Matias Vázquez Piñón" userId="2f86a967-3c9c-4a39-b538-7e6c0574d83d" providerId="ADAL" clId="{FF34E82E-70A5-47A1-988E-8EC70675C3B6}" dt="2022-07-11T10:25:25.238" v="266" actId="1076"/>
          <ac:cxnSpMkLst>
            <pc:docMk/>
            <pc:sldMk cId="471044012" sldId="516"/>
            <ac:cxnSpMk id="34" creationId="{9282786D-028C-447B-91EF-D16F4A10B70B}"/>
          </ac:cxnSpMkLst>
        </pc:cxnChg>
      </pc:sldChg>
      <pc:sldChg chg="addSp delSp modSp add mod modClrScheme chgLayout">
        <pc:chgData name="Matias Vázquez Piñón" userId="2f86a967-3c9c-4a39-b538-7e6c0574d83d" providerId="ADAL" clId="{FF34E82E-70A5-47A1-988E-8EC70675C3B6}" dt="2022-07-11T10:26:01.655" v="277" actId="478"/>
        <pc:sldMkLst>
          <pc:docMk/>
          <pc:sldMk cId="4153488033" sldId="517"/>
        </pc:sldMkLst>
        <pc:spChg chg="add del mod ord">
          <ac:chgData name="Matias Vázquez Piñón" userId="2f86a967-3c9c-4a39-b538-7e6c0574d83d" providerId="ADAL" clId="{FF34E82E-70A5-47A1-988E-8EC70675C3B6}" dt="2022-07-11T10:26:01.655" v="277" actId="478"/>
          <ac:spMkLst>
            <pc:docMk/>
            <pc:sldMk cId="4153488033" sldId="517"/>
            <ac:spMk id="2" creationId="{BCE6172C-DC5D-0E7D-E379-3257B45EB286}"/>
          </ac:spMkLst>
        </pc:spChg>
        <pc:spChg chg="add del mod">
          <ac:chgData name="Matias Vázquez Piñón" userId="2f86a967-3c9c-4a39-b538-7e6c0574d83d" providerId="ADAL" clId="{FF34E82E-70A5-47A1-988E-8EC70675C3B6}" dt="2022-07-11T10:24:44.336" v="260" actId="478"/>
          <ac:spMkLst>
            <pc:docMk/>
            <pc:sldMk cId="4153488033" sldId="517"/>
            <ac:spMk id="3" creationId="{3761BE49-C9A7-CDE5-177C-1DE622C40E62}"/>
          </ac:spMkLst>
        </pc:spChg>
        <pc:spChg chg="mod ord">
          <ac:chgData name="Matias Vázquez Piñón" userId="2f86a967-3c9c-4a39-b538-7e6c0574d83d" providerId="ADAL" clId="{FF34E82E-70A5-47A1-988E-8EC70675C3B6}" dt="2022-07-11T10:23:39.996" v="251" actId="700"/>
          <ac:spMkLst>
            <pc:docMk/>
            <pc:sldMk cId="4153488033" sldId="517"/>
            <ac:spMk id="4" creationId="{53FAF46C-4190-4BD7-975F-7FF0320B5A84}"/>
          </ac:spMkLst>
        </pc:spChg>
        <pc:spChg chg="add del mod">
          <ac:chgData name="Matias Vázquez Piñón" userId="2f86a967-3c9c-4a39-b538-7e6c0574d83d" providerId="ADAL" clId="{FF34E82E-70A5-47A1-988E-8EC70675C3B6}" dt="2022-07-11T10:25:44.224" v="272" actId="478"/>
          <ac:spMkLst>
            <pc:docMk/>
            <pc:sldMk cId="4153488033" sldId="517"/>
            <ac:spMk id="7" creationId="{0029A1C8-2E37-FE69-EE43-14A822EA21A6}"/>
          </ac:spMkLst>
        </pc:spChg>
        <pc:spChg chg="del mod ord">
          <ac:chgData name="Matias Vázquez Piñón" userId="2f86a967-3c9c-4a39-b538-7e6c0574d83d" providerId="ADAL" clId="{FF34E82E-70A5-47A1-988E-8EC70675C3B6}" dt="2022-07-11T10:24:41.262" v="259" actId="478"/>
          <ac:spMkLst>
            <pc:docMk/>
            <pc:sldMk cId="4153488033" sldId="517"/>
            <ac:spMk id="25" creationId="{0251B5B1-EB49-4CAD-8232-20581FE3447F}"/>
          </ac:spMkLst>
        </pc:spChg>
        <pc:spChg chg="add del mod">
          <ac:chgData name="Matias Vázquez Piñón" userId="2f86a967-3c9c-4a39-b538-7e6c0574d83d" providerId="ADAL" clId="{FF34E82E-70A5-47A1-988E-8EC70675C3B6}" dt="2022-07-11T10:25:34.837" v="269" actId="478"/>
          <ac:spMkLst>
            <pc:docMk/>
            <pc:sldMk cId="4153488033" sldId="517"/>
            <ac:spMk id="30" creationId="{8B34D6CE-8701-48CB-C2BF-A5816C4EAB78}"/>
          </ac:spMkLst>
        </pc:spChg>
      </pc:sldChg>
      <pc:sldChg chg="addSp delSp modSp add mod modClrScheme chgLayout">
        <pc:chgData name="Matias Vázquez Piñón" userId="2f86a967-3c9c-4a39-b538-7e6c0574d83d" providerId="ADAL" clId="{FF34E82E-70A5-47A1-988E-8EC70675C3B6}" dt="2022-07-11T10:25:58.631" v="276" actId="478"/>
        <pc:sldMkLst>
          <pc:docMk/>
          <pc:sldMk cId="3547474209" sldId="518"/>
        </pc:sldMkLst>
        <pc:spChg chg="add del mod ord">
          <ac:chgData name="Matias Vázquez Piñón" userId="2f86a967-3c9c-4a39-b538-7e6c0574d83d" providerId="ADAL" clId="{FF34E82E-70A5-47A1-988E-8EC70675C3B6}" dt="2022-07-11T10:25:58.631" v="276" actId="478"/>
          <ac:spMkLst>
            <pc:docMk/>
            <pc:sldMk cId="3547474209" sldId="518"/>
            <ac:spMk id="2" creationId="{9DE7308B-C681-872A-4E32-D77CABBCF52D}"/>
          </ac:spMkLst>
        </pc:spChg>
        <pc:spChg chg="add del mod">
          <ac:chgData name="Matias Vázquez Piñón" userId="2f86a967-3c9c-4a39-b538-7e6c0574d83d" providerId="ADAL" clId="{FF34E82E-70A5-47A1-988E-8EC70675C3B6}" dt="2022-07-11T10:24:34.390" v="257" actId="478"/>
          <ac:spMkLst>
            <pc:docMk/>
            <pc:sldMk cId="3547474209" sldId="518"/>
            <ac:spMk id="3" creationId="{100C6B31-C915-65FB-2F62-C23EACB08E9E}"/>
          </ac:spMkLst>
        </pc:spChg>
        <pc:spChg chg="mod ord">
          <ac:chgData name="Matias Vázquez Piñón" userId="2f86a967-3c9c-4a39-b538-7e6c0574d83d" providerId="ADAL" clId="{FF34E82E-70A5-47A1-988E-8EC70675C3B6}" dt="2022-07-11T10:23:39.996" v="251" actId="700"/>
          <ac:spMkLst>
            <pc:docMk/>
            <pc:sldMk cId="3547474209" sldId="518"/>
            <ac:spMk id="4" creationId="{53FAF46C-4190-4BD7-975F-7FF0320B5A84}"/>
          </ac:spMkLst>
        </pc:spChg>
        <pc:spChg chg="add del mod">
          <ac:chgData name="Matias Vázquez Piñón" userId="2f86a967-3c9c-4a39-b538-7e6c0574d83d" providerId="ADAL" clId="{FF34E82E-70A5-47A1-988E-8EC70675C3B6}" dt="2022-07-11T10:25:40.856" v="271" actId="478"/>
          <ac:spMkLst>
            <pc:docMk/>
            <pc:sldMk cId="3547474209" sldId="518"/>
            <ac:spMk id="7" creationId="{D2900401-9E4C-309B-DA57-B4A06201FB7F}"/>
          </ac:spMkLst>
        </pc:spChg>
        <pc:spChg chg="del mod ord">
          <ac:chgData name="Matias Vázquez Piñón" userId="2f86a967-3c9c-4a39-b538-7e6c0574d83d" providerId="ADAL" clId="{FF34E82E-70A5-47A1-988E-8EC70675C3B6}" dt="2022-07-11T10:24:29.984" v="254" actId="478"/>
          <ac:spMkLst>
            <pc:docMk/>
            <pc:sldMk cId="3547474209" sldId="518"/>
            <ac:spMk id="25" creationId="{E62F36DA-5DD0-4EAC-9969-AFD59D42B068}"/>
          </ac:spMkLst>
        </pc:spChg>
        <pc:spChg chg="add del mod">
          <ac:chgData name="Matias Vázquez Piñón" userId="2f86a967-3c9c-4a39-b538-7e6c0574d83d" providerId="ADAL" clId="{FF34E82E-70A5-47A1-988E-8EC70675C3B6}" dt="2022-07-11T10:24:31.936" v="256"/>
          <ac:spMkLst>
            <pc:docMk/>
            <pc:sldMk cId="3547474209" sldId="518"/>
            <ac:spMk id="30" creationId="{E4D8F1D7-F149-ACC4-437F-50015DC0DF4F}"/>
          </ac:spMkLst>
        </pc:spChg>
        <pc:spChg chg="add del mod">
          <ac:chgData name="Matias Vázquez Piñón" userId="2f86a967-3c9c-4a39-b538-7e6c0574d83d" providerId="ADAL" clId="{FF34E82E-70A5-47A1-988E-8EC70675C3B6}" dt="2022-07-11T10:25:37.349" v="270" actId="478"/>
          <ac:spMkLst>
            <pc:docMk/>
            <pc:sldMk cId="3547474209" sldId="518"/>
            <ac:spMk id="36" creationId="{12ECB7A3-0E44-9A23-BDBF-F8E1F3A11D44}"/>
          </ac:spMkLst>
        </pc:spChg>
      </pc:sldChg>
      <pc:sldChg chg="addSp delSp modSp add mod modClrScheme chgLayout">
        <pc:chgData name="Matias Vázquez Piñón" userId="2f86a967-3c9c-4a39-b538-7e6c0574d83d" providerId="ADAL" clId="{FF34E82E-70A5-47A1-988E-8EC70675C3B6}" dt="2022-07-11T10:25:49.744" v="275" actId="478"/>
        <pc:sldMkLst>
          <pc:docMk/>
          <pc:sldMk cId="807130382" sldId="519"/>
        </pc:sldMkLst>
        <pc:spChg chg="add del mod ord">
          <ac:chgData name="Matias Vázquez Piñón" userId="2f86a967-3c9c-4a39-b538-7e6c0574d83d" providerId="ADAL" clId="{FF34E82E-70A5-47A1-988E-8EC70675C3B6}" dt="2022-07-11T10:25:46.671" v="273" actId="478"/>
          <ac:spMkLst>
            <pc:docMk/>
            <pc:sldMk cId="807130382" sldId="519"/>
            <ac:spMk id="2" creationId="{3C88414D-80F3-8388-2967-D519D646E295}"/>
          </ac:spMkLst>
        </pc:spChg>
        <pc:spChg chg="add del mod">
          <ac:chgData name="Matias Vázquez Piñón" userId="2f86a967-3c9c-4a39-b538-7e6c0574d83d" providerId="ADAL" clId="{FF34E82E-70A5-47A1-988E-8EC70675C3B6}" dt="2022-07-11T10:25:49.744" v="275" actId="478"/>
          <ac:spMkLst>
            <pc:docMk/>
            <pc:sldMk cId="807130382" sldId="519"/>
            <ac:spMk id="3" creationId="{DBF08CBD-A164-B389-CD3B-FD11E3D71F2E}"/>
          </ac:spMkLst>
        </pc:spChg>
        <pc:spChg chg="mod ord">
          <ac:chgData name="Matias Vázquez Piñón" userId="2f86a967-3c9c-4a39-b538-7e6c0574d83d" providerId="ADAL" clId="{FF34E82E-70A5-47A1-988E-8EC70675C3B6}" dt="2022-07-11T10:23:39.996" v="251" actId="700"/>
          <ac:spMkLst>
            <pc:docMk/>
            <pc:sldMk cId="807130382" sldId="519"/>
            <ac:spMk id="4" creationId="{53FAF46C-4190-4BD7-975F-7FF0320B5A84}"/>
          </ac:spMkLst>
        </pc:spChg>
        <pc:spChg chg="del mod ord">
          <ac:chgData name="Matias Vázquez Piñón" userId="2f86a967-3c9c-4a39-b538-7e6c0574d83d" providerId="ADAL" clId="{FF34E82E-70A5-47A1-988E-8EC70675C3B6}" dt="2022-07-11T10:25:48.103" v="274" actId="478"/>
          <ac:spMkLst>
            <pc:docMk/>
            <pc:sldMk cId="807130382" sldId="519"/>
            <ac:spMk id="30" creationId="{DE16CFAB-6626-4719-8BE5-5FEAC5986827}"/>
          </ac:spMkLst>
        </pc:spChg>
      </pc:sldChg>
      <pc:sldChg chg="addSp delSp modSp add mod modClrScheme chgLayout">
        <pc:chgData name="Matias Vázquez Piñón" userId="2f86a967-3c9c-4a39-b538-7e6c0574d83d" providerId="ADAL" clId="{FF34E82E-70A5-47A1-988E-8EC70675C3B6}" dt="2022-08-09T13:24:16.353" v="1726" actId="12788"/>
        <pc:sldMkLst>
          <pc:docMk/>
          <pc:sldMk cId="3491148166" sldId="520"/>
        </pc:sldMkLst>
        <pc:spChg chg="add del mod">
          <ac:chgData name="Matias Vázquez Piñón" userId="2f86a967-3c9c-4a39-b538-7e6c0574d83d" providerId="ADAL" clId="{FF34E82E-70A5-47A1-988E-8EC70675C3B6}" dt="2022-08-09T13:01:51.246" v="1472"/>
          <ac:spMkLst>
            <pc:docMk/>
            <pc:sldMk cId="3491148166" sldId="520"/>
            <ac:spMk id="2" creationId="{38EF95BC-E453-64E9-1CC1-F2F01E965FDC}"/>
          </ac:spMkLst>
        </pc:spChg>
        <pc:spChg chg="add del mod ord">
          <ac:chgData name="Matias Vázquez Piñón" userId="2f86a967-3c9c-4a39-b538-7e6c0574d83d" providerId="ADAL" clId="{FF34E82E-70A5-47A1-988E-8EC70675C3B6}" dt="2022-08-09T11:56:41.536" v="1425"/>
          <ac:spMkLst>
            <pc:docMk/>
            <pc:sldMk cId="3491148166" sldId="520"/>
            <ac:spMk id="2" creationId="{BD2D857E-A3ED-8C01-0C9A-91B0445B250A}"/>
          </ac:spMkLst>
        </pc:spChg>
        <pc:spChg chg="add del mod ord">
          <ac:chgData name="Matias Vázquez Piñón" userId="2f86a967-3c9c-4a39-b538-7e6c0574d83d" providerId="ADAL" clId="{FF34E82E-70A5-47A1-988E-8EC70675C3B6}" dt="2022-08-09T11:56:36.451" v="1423" actId="478"/>
          <ac:spMkLst>
            <pc:docMk/>
            <pc:sldMk cId="3491148166" sldId="520"/>
            <ac:spMk id="3" creationId="{0529EA46-5D2D-7B78-16EC-11FCE2DBD6AF}"/>
          </ac:spMkLst>
        </pc:spChg>
        <pc:spChg chg="add del mod">
          <ac:chgData name="Matias Vázquez Piñón" userId="2f86a967-3c9c-4a39-b538-7e6c0574d83d" providerId="ADAL" clId="{FF34E82E-70A5-47A1-988E-8EC70675C3B6}" dt="2022-08-09T13:02:19.495" v="1479" actId="478"/>
          <ac:spMkLst>
            <pc:docMk/>
            <pc:sldMk cId="3491148166" sldId="520"/>
            <ac:spMk id="3" creationId="{3F3A3897-1C76-F049-F16E-208F24C8DB26}"/>
          </ac:spMkLst>
        </pc:spChg>
        <pc:spChg chg="del mod">
          <ac:chgData name="Matias Vázquez Piñón" userId="2f86a967-3c9c-4a39-b538-7e6c0574d83d" providerId="ADAL" clId="{FF34E82E-70A5-47A1-988E-8EC70675C3B6}" dt="2022-08-09T11:55:42.924" v="1399" actId="478"/>
          <ac:spMkLst>
            <pc:docMk/>
            <pc:sldMk cId="3491148166" sldId="520"/>
            <ac:spMk id="4" creationId="{0A308283-B378-49A6-9A9A-AE6DAA9BB43C}"/>
          </ac:spMkLst>
        </pc:spChg>
        <pc:spChg chg="add mod">
          <ac:chgData name="Matias Vázquez Piñón" userId="2f86a967-3c9c-4a39-b538-7e6c0574d83d" providerId="ADAL" clId="{FF34E82E-70A5-47A1-988E-8EC70675C3B6}" dt="2022-08-09T13:22:30.918" v="1719" actId="1076"/>
          <ac:spMkLst>
            <pc:docMk/>
            <pc:sldMk cId="3491148166" sldId="520"/>
            <ac:spMk id="4" creationId="{CE515202-8223-02DC-0917-E2DE5406A502}"/>
          </ac:spMkLst>
        </pc:spChg>
        <pc:spChg chg="mod ord">
          <ac:chgData name="Matias Vázquez Piñón" userId="2f86a967-3c9c-4a39-b538-7e6c0574d83d" providerId="ADAL" clId="{FF34E82E-70A5-47A1-988E-8EC70675C3B6}" dt="2022-08-09T13:17:06.188" v="1687" actId="1076"/>
          <ac:spMkLst>
            <pc:docMk/>
            <pc:sldMk cId="3491148166" sldId="520"/>
            <ac:spMk id="5" creationId="{E214820B-3200-47B3-8466-655D07C1A3C2}"/>
          </ac:spMkLst>
        </pc:spChg>
        <pc:spChg chg="add del mod ord">
          <ac:chgData name="Matias Vázquez Piñón" userId="2f86a967-3c9c-4a39-b538-7e6c0574d83d" providerId="ADAL" clId="{FF34E82E-70A5-47A1-988E-8EC70675C3B6}" dt="2022-08-09T11:56:57.370" v="1431"/>
          <ac:spMkLst>
            <pc:docMk/>
            <pc:sldMk cId="3491148166" sldId="520"/>
            <ac:spMk id="6" creationId="{D3F8632A-3016-1741-7A87-F6E001179457}"/>
          </ac:spMkLst>
        </pc:spChg>
        <pc:spChg chg="del">
          <ac:chgData name="Matias Vázquez Piñón" userId="2f86a967-3c9c-4a39-b538-7e6c0574d83d" providerId="ADAL" clId="{FF34E82E-70A5-47A1-988E-8EC70675C3B6}" dt="2022-08-09T11:55:44.233" v="1400" actId="478"/>
          <ac:spMkLst>
            <pc:docMk/>
            <pc:sldMk cId="3491148166" sldId="520"/>
            <ac:spMk id="7" creationId="{B8315671-4DAA-4A5B-8F45-06F66BFC990A}"/>
          </ac:spMkLst>
        </pc:spChg>
        <pc:spChg chg="add del mod ord">
          <ac:chgData name="Matias Vázquez Piñón" userId="2f86a967-3c9c-4a39-b538-7e6c0574d83d" providerId="ADAL" clId="{FF34E82E-70A5-47A1-988E-8EC70675C3B6}" dt="2022-08-09T11:56:35.325" v="1422" actId="478"/>
          <ac:spMkLst>
            <pc:docMk/>
            <pc:sldMk cId="3491148166" sldId="520"/>
            <ac:spMk id="8" creationId="{BEC2B4D3-0575-EC11-D1E2-7AC5F967F18E}"/>
          </ac:spMkLst>
        </pc:spChg>
        <pc:spChg chg="add mod ord">
          <ac:chgData name="Matias Vázquez Piñón" userId="2f86a967-3c9c-4a39-b538-7e6c0574d83d" providerId="ADAL" clId="{FF34E82E-70A5-47A1-988E-8EC70675C3B6}" dt="2022-08-09T13:24:16.353" v="1726" actId="12788"/>
          <ac:spMkLst>
            <pc:docMk/>
            <pc:sldMk cId="3491148166" sldId="520"/>
            <ac:spMk id="9" creationId="{6222ACBC-3EE8-4E3E-5009-6C00971ABF56}"/>
          </ac:spMkLst>
        </pc:spChg>
        <pc:spChg chg="add mod">
          <ac:chgData name="Matias Vázquez Piñón" userId="2f86a967-3c9c-4a39-b538-7e6c0574d83d" providerId="ADAL" clId="{FF34E82E-70A5-47A1-988E-8EC70675C3B6}" dt="2022-08-09T13:24:16.353" v="1726" actId="12788"/>
          <ac:spMkLst>
            <pc:docMk/>
            <pc:sldMk cId="3491148166" sldId="520"/>
            <ac:spMk id="12" creationId="{6753C36F-77AE-EEB7-863B-83D83DE41DE5}"/>
          </ac:spMkLst>
        </pc:spChg>
        <pc:spChg chg="add del mod ord">
          <ac:chgData name="Matias Vázquez Piñón" userId="2f86a967-3c9c-4a39-b538-7e6c0574d83d" providerId="ADAL" clId="{FF34E82E-70A5-47A1-988E-8EC70675C3B6}" dt="2022-08-09T11:57:01.407" v="1432" actId="478"/>
          <ac:spMkLst>
            <pc:docMk/>
            <pc:sldMk cId="3491148166" sldId="520"/>
            <ac:spMk id="13" creationId="{11DC5D9A-784B-9673-9E37-0DA4EFAFC7F3}"/>
          </ac:spMkLst>
        </pc:spChg>
        <pc:spChg chg="add mod">
          <ac:chgData name="Matias Vázquez Piñón" userId="2f86a967-3c9c-4a39-b538-7e6c0574d83d" providerId="ADAL" clId="{FF34E82E-70A5-47A1-988E-8EC70675C3B6}" dt="2022-08-09T13:22:30.918" v="1719" actId="1076"/>
          <ac:spMkLst>
            <pc:docMk/>
            <pc:sldMk cId="3491148166" sldId="520"/>
            <ac:spMk id="13" creationId="{76179AF6-81FB-2645-1FE4-96CFFBAABE58}"/>
          </ac:spMkLst>
        </pc:spChg>
        <pc:spChg chg="del mod">
          <ac:chgData name="Matias Vázquez Piñón" userId="2f86a967-3c9c-4a39-b538-7e6c0574d83d" providerId="ADAL" clId="{FF34E82E-70A5-47A1-988E-8EC70675C3B6}" dt="2022-08-09T11:56:55.759" v="1430" actId="478"/>
          <ac:spMkLst>
            <pc:docMk/>
            <pc:sldMk cId="3491148166" sldId="520"/>
            <ac:spMk id="14" creationId="{6CB519D5-2B17-CDA3-68AB-D0C9F3C2D5D0}"/>
          </ac:spMkLst>
        </pc:spChg>
        <pc:spChg chg="add mod">
          <ac:chgData name="Matias Vázquez Piñón" userId="2f86a967-3c9c-4a39-b538-7e6c0574d83d" providerId="ADAL" clId="{FF34E82E-70A5-47A1-988E-8EC70675C3B6}" dt="2022-08-09T13:24:16.353" v="1726" actId="12788"/>
          <ac:spMkLst>
            <pc:docMk/>
            <pc:sldMk cId="3491148166" sldId="520"/>
            <ac:spMk id="14" creationId="{80D870DC-AAAA-48AE-4FCD-59B533E8095F}"/>
          </ac:spMkLst>
        </pc:spChg>
        <pc:spChg chg="add del mod">
          <ac:chgData name="Matias Vázquez Piñón" userId="2f86a967-3c9c-4a39-b538-7e6c0574d83d" providerId="ADAL" clId="{FF34E82E-70A5-47A1-988E-8EC70675C3B6}" dt="2022-08-09T11:56:46.388" v="1427"/>
          <ac:spMkLst>
            <pc:docMk/>
            <pc:sldMk cId="3491148166" sldId="520"/>
            <ac:spMk id="15" creationId="{1284DB74-F380-19ED-F782-1305D2FACB1B}"/>
          </ac:spMkLst>
        </pc:spChg>
        <pc:spChg chg="add del mod">
          <ac:chgData name="Matias Vázquez Piñón" userId="2f86a967-3c9c-4a39-b538-7e6c0574d83d" providerId="ADAL" clId="{FF34E82E-70A5-47A1-988E-8EC70675C3B6}" dt="2022-08-09T11:56:48.980" v="1428" actId="478"/>
          <ac:spMkLst>
            <pc:docMk/>
            <pc:sldMk cId="3491148166" sldId="520"/>
            <ac:spMk id="17" creationId="{F74B584E-5EEA-033D-DE88-2838FB0F71B9}"/>
          </ac:spMkLst>
        </pc:spChg>
        <pc:picChg chg="add mod">
          <ac:chgData name="Matias Vázquez Piñón" userId="2f86a967-3c9c-4a39-b538-7e6c0574d83d" providerId="ADAL" clId="{FF34E82E-70A5-47A1-988E-8EC70675C3B6}" dt="2022-08-09T13:22:30.918" v="1719" actId="1076"/>
          <ac:picMkLst>
            <pc:docMk/>
            <pc:sldMk cId="3491148166" sldId="520"/>
            <ac:picMk id="10" creationId="{6894AA9C-0C67-0DF2-816C-E4EE43D2EF86}"/>
          </ac:picMkLst>
        </pc:picChg>
        <pc:picChg chg="del mod ord">
          <ac:chgData name="Matias Vázquez Piñón" userId="2f86a967-3c9c-4a39-b538-7e6c0574d83d" providerId="ADAL" clId="{FF34E82E-70A5-47A1-988E-8EC70675C3B6}" dt="2022-08-09T11:56:40.303" v="1424" actId="21"/>
          <ac:picMkLst>
            <pc:docMk/>
            <pc:sldMk cId="3491148166" sldId="520"/>
            <ac:picMk id="10" creationId="{C2357686-4493-BD14-8482-7B47BA575A49}"/>
          </ac:picMkLst>
        </pc:picChg>
        <pc:picChg chg="del mod ord">
          <ac:chgData name="Matias Vázquez Piñón" userId="2f86a967-3c9c-4a39-b538-7e6c0574d83d" providerId="ADAL" clId="{FF34E82E-70A5-47A1-988E-8EC70675C3B6}" dt="2022-08-09T11:56:43.943" v="1426" actId="21"/>
          <ac:picMkLst>
            <pc:docMk/>
            <pc:sldMk cId="3491148166" sldId="520"/>
            <ac:picMk id="11" creationId="{89E37B40-3440-2EC8-159F-B7E28B9A56CC}"/>
          </ac:picMkLst>
        </pc:picChg>
        <pc:picChg chg="del">
          <ac:chgData name="Matias Vázquez Piñón" userId="2f86a967-3c9c-4a39-b538-7e6c0574d83d" providerId="ADAL" clId="{FF34E82E-70A5-47A1-988E-8EC70675C3B6}" dt="2022-08-09T11:56:50.872" v="1429" actId="21"/>
          <ac:picMkLst>
            <pc:docMk/>
            <pc:sldMk cId="3491148166" sldId="520"/>
            <ac:picMk id="12" creationId="{94D51F34-8876-793B-ADFC-F1E1899260DC}"/>
          </ac:picMkLst>
        </pc:picChg>
        <pc:picChg chg="add mod">
          <ac:chgData name="Matias Vázquez Piñón" userId="2f86a967-3c9c-4a39-b538-7e6c0574d83d" providerId="ADAL" clId="{FF34E82E-70A5-47A1-988E-8EC70675C3B6}" dt="2022-08-09T13:22:30.918" v="1719" actId="1076"/>
          <ac:picMkLst>
            <pc:docMk/>
            <pc:sldMk cId="3491148166" sldId="520"/>
            <ac:picMk id="15" creationId="{5203BEE3-FDD6-976B-C0B8-8E689ACB5783}"/>
          </ac:picMkLst>
        </pc:picChg>
        <pc:picChg chg="add del mod">
          <ac:chgData name="Matias Vázquez Piñón" userId="2f86a967-3c9c-4a39-b538-7e6c0574d83d" providerId="ADAL" clId="{FF34E82E-70A5-47A1-988E-8EC70675C3B6}" dt="2022-08-09T13:01:46.204" v="1469" actId="478"/>
          <ac:picMkLst>
            <pc:docMk/>
            <pc:sldMk cId="3491148166" sldId="520"/>
            <ac:picMk id="16" creationId="{8A64D09D-5CC2-2504-607A-97CE9E60180C}"/>
          </ac:picMkLst>
        </pc:picChg>
        <pc:picChg chg="add del mod">
          <ac:chgData name="Matias Vázquez Piñón" userId="2f86a967-3c9c-4a39-b538-7e6c0574d83d" providerId="ADAL" clId="{FF34E82E-70A5-47A1-988E-8EC70675C3B6}" dt="2022-08-09T13:02:17.135" v="1478" actId="478"/>
          <ac:picMkLst>
            <pc:docMk/>
            <pc:sldMk cId="3491148166" sldId="520"/>
            <ac:picMk id="18" creationId="{69A05F22-9F64-EACE-8F84-67B3E63BDE34}"/>
          </ac:picMkLst>
        </pc:picChg>
        <pc:picChg chg="add mod">
          <ac:chgData name="Matias Vázquez Piñón" userId="2f86a967-3c9c-4a39-b538-7e6c0574d83d" providerId="ADAL" clId="{FF34E82E-70A5-47A1-988E-8EC70675C3B6}" dt="2022-08-09T13:24:16.353" v="1726" actId="12788"/>
          <ac:picMkLst>
            <pc:docMk/>
            <pc:sldMk cId="3491148166" sldId="520"/>
            <ac:picMk id="19" creationId="{8E8697E4-6E95-D4AA-89B2-FDACB26EED0F}"/>
          </ac:picMkLst>
        </pc:picChg>
        <pc:picChg chg="add del mod">
          <ac:chgData name="Matias Vázquez Piñón" userId="2f86a967-3c9c-4a39-b538-7e6c0574d83d" providerId="ADAL" clId="{FF34E82E-70A5-47A1-988E-8EC70675C3B6}" dt="2022-08-09T13:01:50.208" v="1471" actId="21"/>
          <ac:picMkLst>
            <pc:docMk/>
            <pc:sldMk cId="3491148166" sldId="520"/>
            <ac:picMk id="1026" creationId="{1F8B6FFB-22E5-AB6C-F44F-5A86ADC9B1B8}"/>
          </ac:picMkLst>
        </pc:picChg>
        <pc:picChg chg="add del mod">
          <ac:chgData name="Matias Vázquez Piñón" userId="2f86a967-3c9c-4a39-b538-7e6c0574d83d" providerId="ADAL" clId="{FF34E82E-70A5-47A1-988E-8EC70675C3B6}" dt="2022-08-09T13:20:11.138" v="1699" actId="478"/>
          <ac:picMkLst>
            <pc:docMk/>
            <pc:sldMk cId="3491148166" sldId="520"/>
            <ac:picMk id="1028" creationId="{95AC9BDF-F444-90AC-4580-8E88255CEE02}"/>
          </ac:picMkLst>
        </pc:picChg>
        <pc:picChg chg="add mod">
          <ac:chgData name="Matias Vázquez Piñón" userId="2f86a967-3c9c-4a39-b538-7e6c0574d83d" providerId="ADAL" clId="{FF34E82E-70A5-47A1-988E-8EC70675C3B6}" dt="2022-08-09T13:24:16.353" v="1726" actId="12788"/>
          <ac:picMkLst>
            <pc:docMk/>
            <pc:sldMk cId="3491148166" sldId="520"/>
            <ac:picMk id="1030" creationId="{7E441AC6-650B-5ED6-84C7-7D7DFC4486C8}"/>
          </ac:picMkLst>
        </pc:picChg>
      </pc:sldChg>
      <pc:sldChg chg="modSp add mod chgLayout">
        <pc:chgData name="Matias Vázquez Piñón" userId="2f86a967-3c9c-4a39-b538-7e6c0574d83d" providerId="ADAL" clId="{FF34E82E-70A5-47A1-988E-8EC70675C3B6}" dt="2022-07-11T10:30:10.367" v="293" actId="700"/>
        <pc:sldMkLst>
          <pc:docMk/>
          <pc:sldMk cId="2510132433" sldId="521"/>
        </pc:sldMkLst>
        <pc:spChg chg="mod ord">
          <ac:chgData name="Matias Vázquez Piñón" userId="2f86a967-3c9c-4a39-b538-7e6c0574d83d" providerId="ADAL" clId="{FF34E82E-70A5-47A1-988E-8EC70675C3B6}" dt="2022-07-11T10:30:10.367" v="293" actId="700"/>
          <ac:spMkLst>
            <pc:docMk/>
            <pc:sldMk cId="2510132433" sldId="521"/>
            <ac:spMk id="2" creationId="{94B04B1C-C421-491A-8879-5413830AE237}"/>
          </ac:spMkLst>
        </pc:spChg>
        <pc:spChg chg="mod ord">
          <ac:chgData name="Matias Vázquez Piñón" userId="2f86a967-3c9c-4a39-b538-7e6c0574d83d" providerId="ADAL" clId="{FF34E82E-70A5-47A1-988E-8EC70675C3B6}" dt="2022-07-11T10:30:10.367" v="293" actId="700"/>
          <ac:spMkLst>
            <pc:docMk/>
            <pc:sldMk cId="2510132433" sldId="521"/>
            <ac:spMk id="4" creationId="{321AE440-EBC5-4D00-97DF-216FC52A238E}"/>
          </ac:spMkLst>
        </pc:spChg>
      </pc:sldChg>
      <pc:sldChg chg="modSp add mod modClrScheme chgLayout">
        <pc:chgData name="Matias Vázquez Piñón" userId="2f86a967-3c9c-4a39-b538-7e6c0574d83d" providerId="ADAL" clId="{FF34E82E-70A5-47A1-988E-8EC70675C3B6}" dt="2022-07-11T10:30:16.236" v="294" actId="700"/>
        <pc:sldMkLst>
          <pc:docMk/>
          <pc:sldMk cId="1195464795" sldId="522"/>
        </pc:sldMkLst>
        <pc:spChg chg="mod ord">
          <ac:chgData name="Matias Vázquez Piñón" userId="2f86a967-3c9c-4a39-b538-7e6c0574d83d" providerId="ADAL" clId="{FF34E82E-70A5-47A1-988E-8EC70675C3B6}" dt="2022-07-11T10:30:16.236" v="294" actId="700"/>
          <ac:spMkLst>
            <pc:docMk/>
            <pc:sldMk cId="1195464795" sldId="522"/>
            <ac:spMk id="4" creationId="{6A6E0C5B-F209-448C-ABAC-A87DB627056E}"/>
          </ac:spMkLst>
        </pc:spChg>
        <pc:spChg chg="mod ord">
          <ac:chgData name="Matias Vázquez Piñón" userId="2f86a967-3c9c-4a39-b538-7e6c0574d83d" providerId="ADAL" clId="{FF34E82E-70A5-47A1-988E-8EC70675C3B6}" dt="2022-07-11T10:30:16.236" v="294" actId="700"/>
          <ac:spMkLst>
            <pc:docMk/>
            <pc:sldMk cId="1195464795" sldId="522"/>
            <ac:spMk id="6" creationId="{A97ADC90-1CB1-471B-A099-149FFE3458CB}"/>
          </ac:spMkLst>
        </pc:spChg>
      </pc:sldChg>
      <pc:sldChg chg="addSp delSp modSp add mod modClrScheme chgLayout">
        <pc:chgData name="Matias Vázquez Piñón" userId="2f86a967-3c9c-4a39-b538-7e6c0574d83d" providerId="ADAL" clId="{FF34E82E-70A5-47A1-988E-8EC70675C3B6}" dt="2022-07-11T10:30:33.326" v="297"/>
        <pc:sldMkLst>
          <pc:docMk/>
          <pc:sldMk cId="1934191483" sldId="523"/>
        </pc:sldMkLst>
        <pc:spChg chg="del mod ord">
          <ac:chgData name="Matias Vázquez Piñón" userId="2f86a967-3c9c-4a39-b538-7e6c0574d83d" providerId="ADAL" clId="{FF34E82E-70A5-47A1-988E-8EC70675C3B6}" dt="2022-07-11T10:30:28.721" v="295" actId="700"/>
          <ac:spMkLst>
            <pc:docMk/>
            <pc:sldMk cId="1934191483" sldId="523"/>
            <ac:spMk id="2" creationId="{9CEDC394-EC8E-49DE-9626-8208F5103455}"/>
          </ac:spMkLst>
        </pc:spChg>
        <pc:spChg chg="add mod ord">
          <ac:chgData name="Matias Vázquez Piñón" userId="2f86a967-3c9c-4a39-b538-7e6c0574d83d" providerId="ADAL" clId="{FF34E82E-70A5-47A1-988E-8EC70675C3B6}" dt="2022-07-11T10:30:28.721" v="295" actId="700"/>
          <ac:spMkLst>
            <pc:docMk/>
            <pc:sldMk cId="1934191483" sldId="523"/>
            <ac:spMk id="3" creationId="{2F27EAA3-E831-027C-4B82-199663231BC4}"/>
          </ac:spMkLst>
        </pc:spChg>
        <pc:spChg chg="mod ord">
          <ac:chgData name="Matias Vázquez Piñón" userId="2f86a967-3c9c-4a39-b538-7e6c0574d83d" providerId="ADAL" clId="{FF34E82E-70A5-47A1-988E-8EC70675C3B6}" dt="2022-07-11T10:30:28.721" v="295" actId="700"/>
          <ac:spMkLst>
            <pc:docMk/>
            <pc:sldMk cId="1934191483" sldId="523"/>
            <ac:spMk id="4" creationId="{E3D0A5DA-4082-4F79-82C7-8422FDA6CEE5}"/>
          </ac:spMkLst>
        </pc:spChg>
        <pc:spChg chg="add del mod ord">
          <ac:chgData name="Matias Vázquez Piñón" userId="2f86a967-3c9c-4a39-b538-7e6c0574d83d" providerId="ADAL" clId="{FF34E82E-70A5-47A1-988E-8EC70675C3B6}" dt="2022-07-11T10:30:33.326" v="297"/>
          <ac:spMkLst>
            <pc:docMk/>
            <pc:sldMk cId="1934191483" sldId="523"/>
            <ac:spMk id="6" creationId="{004C9E0E-74E9-0481-E19D-0AF7BAD678DE}"/>
          </ac:spMkLst>
        </pc:spChg>
        <pc:picChg chg="add mod">
          <ac:chgData name="Matias Vázquez Piñón" userId="2f86a967-3c9c-4a39-b538-7e6c0574d83d" providerId="ADAL" clId="{FF34E82E-70A5-47A1-988E-8EC70675C3B6}" dt="2022-07-11T10:30:33.326" v="297"/>
          <ac:picMkLst>
            <pc:docMk/>
            <pc:sldMk cId="1934191483" sldId="523"/>
            <ac:picMk id="8" creationId="{F3AE1CC0-0BD5-BC8C-E433-42FDC471ECD6}"/>
          </ac:picMkLst>
        </pc:picChg>
        <pc:picChg chg="del">
          <ac:chgData name="Matias Vázquez Piñón" userId="2f86a967-3c9c-4a39-b538-7e6c0574d83d" providerId="ADAL" clId="{FF34E82E-70A5-47A1-988E-8EC70675C3B6}" dt="2022-07-11T10:30:31.316" v="296" actId="21"/>
          <ac:picMkLst>
            <pc:docMk/>
            <pc:sldMk cId="1934191483" sldId="523"/>
            <ac:picMk id="4098" creationId="{9CDFF674-9354-4DB1-9F1B-18BBF700E562}"/>
          </ac:picMkLst>
        </pc:picChg>
      </pc:sldChg>
      <pc:sldChg chg="addSp delSp modSp mod">
        <pc:chgData name="Matias Vázquez Piñón" userId="2f86a967-3c9c-4a39-b538-7e6c0574d83d" providerId="ADAL" clId="{FF34E82E-70A5-47A1-988E-8EC70675C3B6}" dt="2022-07-22T13:49:38.206" v="642" actId="20577"/>
        <pc:sldMkLst>
          <pc:docMk/>
          <pc:sldMk cId="2166140154" sldId="529"/>
        </pc:sldMkLst>
        <pc:spChg chg="add mod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3" creationId="{84C5E98D-709E-F704-23F1-14B2F6D57EB1}"/>
          </ac:spMkLst>
        </pc:spChg>
        <pc:spChg chg="add mod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6" creationId="{7A16E871-4EEA-C30D-2DBE-ACB52F94E12B}"/>
          </ac:spMkLst>
        </pc:spChg>
        <pc:spChg chg="add mod">
          <ac:chgData name="Matias Vázquez Piñón" userId="2f86a967-3c9c-4a39-b538-7e6c0574d83d" providerId="ADAL" clId="{FF34E82E-70A5-47A1-988E-8EC70675C3B6}" dt="2022-07-22T13:49:38.206" v="642" actId="20577"/>
          <ac:spMkLst>
            <pc:docMk/>
            <pc:sldMk cId="2166140154" sldId="529"/>
            <ac:spMk id="7" creationId="{AFC081E1-B6C6-55DB-CEDD-FFD2FE3D046F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22" creationId="{744134AD-5957-A1B5-AC72-825FA5A50647}"/>
          </ac:spMkLst>
        </pc:spChg>
        <pc:spChg chg="del">
          <ac:chgData name="Matias Vázquez Piñón" userId="2f86a967-3c9c-4a39-b538-7e6c0574d83d" providerId="ADAL" clId="{FF34E82E-70A5-47A1-988E-8EC70675C3B6}" dt="2022-07-22T13:48:49.771" v="553" actId="478"/>
          <ac:spMkLst>
            <pc:docMk/>
            <pc:sldMk cId="2166140154" sldId="529"/>
            <ac:spMk id="33" creationId="{24D5D68C-0208-071B-1FD7-1B55D3255541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36" creationId="{4BD4872D-B636-7B87-9A12-5B7A1A9C7EEB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43" creationId="{CB23B31F-F687-DA65-F19C-ECE49D1D666C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44" creationId="{D648C89D-37DE-F9CC-2086-869808A898C5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46" creationId="{C8D9936C-6F9D-085B-4356-DE64C83063DA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47" creationId="{2610447D-A076-06CF-7910-3A9AFBA39C9D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48" creationId="{0242EAAA-D18F-4810-F5B6-7B94366EA34C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49" creationId="{796F43E8-4789-F787-A553-2E9B53F43404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50" creationId="{D25A7105-7179-C64A-F4C2-D0C7571E4086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51" creationId="{AEE44BDE-800E-5321-5FF5-C15894F5D0F4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109" creationId="{9C1BAB58-6107-9F95-7003-57BDFD758B97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110" creationId="{CED0C5C3-D646-6EE2-6AF4-E3EB9F6F65F7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151" creationId="{3D014FE5-FD33-D618-F991-47F1FADA4E4F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152" creationId="{17B384FA-7577-B36A-82E5-B7BE037A6650}"/>
          </ac:spMkLst>
        </pc:spChg>
        <pc:spChg chg="del">
          <ac:chgData name="Matias Vázquez Piñón" userId="2f86a967-3c9c-4a39-b538-7e6c0574d83d" providerId="ADAL" clId="{FF34E82E-70A5-47A1-988E-8EC70675C3B6}" dt="2022-07-22T13:48:46.819" v="552" actId="478"/>
          <ac:spMkLst>
            <pc:docMk/>
            <pc:sldMk cId="2166140154" sldId="529"/>
            <ac:spMk id="153" creationId="{55426F8A-0FA0-8C6F-1441-28AAEEA3BF28}"/>
          </ac:spMkLst>
        </pc:spChg>
        <pc:grpChg chg="del">
          <ac:chgData name="Matias Vázquez Piñón" userId="2f86a967-3c9c-4a39-b538-7e6c0574d83d" providerId="ADAL" clId="{FF34E82E-70A5-47A1-988E-8EC70675C3B6}" dt="2022-07-22T13:48:46.819" v="552" actId="478"/>
          <ac:grpSpMkLst>
            <pc:docMk/>
            <pc:sldMk cId="2166140154" sldId="529"/>
            <ac:grpSpMk id="71" creationId="{68BD1057-57FB-52A4-E9BD-86CB2DF9CB0C}"/>
          </ac:grpSpMkLst>
        </pc:grpChg>
        <pc:grpChg chg="del">
          <ac:chgData name="Matias Vázquez Piñón" userId="2f86a967-3c9c-4a39-b538-7e6c0574d83d" providerId="ADAL" clId="{FF34E82E-70A5-47A1-988E-8EC70675C3B6}" dt="2022-07-22T13:48:46.819" v="552" actId="478"/>
          <ac:grpSpMkLst>
            <pc:docMk/>
            <pc:sldMk cId="2166140154" sldId="529"/>
            <ac:grpSpMk id="74" creationId="{6D1BADF0-95ED-0648-EEAD-BD1FC4A770AA}"/>
          </ac:grpSpMkLst>
        </pc:grpChg>
        <pc:grpChg chg="del">
          <ac:chgData name="Matias Vázquez Piñón" userId="2f86a967-3c9c-4a39-b538-7e6c0574d83d" providerId="ADAL" clId="{FF34E82E-70A5-47A1-988E-8EC70675C3B6}" dt="2022-07-22T13:48:46.819" v="552" actId="478"/>
          <ac:grpSpMkLst>
            <pc:docMk/>
            <pc:sldMk cId="2166140154" sldId="529"/>
            <ac:grpSpMk id="84" creationId="{C5F16E8D-127D-0664-72FA-D86EE44A0F51}"/>
          </ac:grpSpMkLst>
        </pc:grpChg>
        <pc:grpChg chg="del">
          <ac:chgData name="Matias Vázquez Piñón" userId="2f86a967-3c9c-4a39-b538-7e6c0574d83d" providerId="ADAL" clId="{FF34E82E-70A5-47A1-988E-8EC70675C3B6}" dt="2022-07-22T13:48:46.819" v="552" actId="478"/>
          <ac:grpSpMkLst>
            <pc:docMk/>
            <pc:sldMk cId="2166140154" sldId="529"/>
            <ac:grpSpMk id="112" creationId="{EB1F5AEC-F44F-A290-4451-0D2C84583EDC}"/>
          </ac:grpSpMkLst>
        </pc:grpChg>
        <pc:grpChg chg="del">
          <ac:chgData name="Matias Vázquez Piñón" userId="2f86a967-3c9c-4a39-b538-7e6c0574d83d" providerId="ADAL" clId="{FF34E82E-70A5-47A1-988E-8EC70675C3B6}" dt="2022-07-22T13:48:46.819" v="552" actId="478"/>
          <ac:grpSpMkLst>
            <pc:docMk/>
            <pc:sldMk cId="2166140154" sldId="529"/>
            <ac:grpSpMk id="116" creationId="{00BD3FED-C1A1-E19F-61EE-F5413687DE5F}"/>
          </ac:grpSpMkLst>
        </pc:grpChg>
        <pc:grpChg chg="del">
          <ac:chgData name="Matias Vázquez Piñón" userId="2f86a967-3c9c-4a39-b538-7e6c0574d83d" providerId="ADAL" clId="{FF34E82E-70A5-47A1-988E-8EC70675C3B6}" dt="2022-07-22T13:48:46.819" v="552" actId="478"/>
          <ac:grpSpMkLst>
            <pc:docMk/>
            <pc:sldMk cId="2166140154" sldId="529"/>
            <ac:grpSpMk id="5175" creationId="{F907A9C0-D371-582F-F8E5-622FA32598E0}"/>
          </ac:grpSpMkLst>
        </pc:grpChg>
        <pc:grpChg chg="del">
          <ac:chgData name="Matias Vázquez Piñón" userId="2f86a967-3c9c-4a39-b538-7e6c0574d83d" providerId="ADAL" clId="{FF34E82E-70A5-47A1-988E-8EC70675C3B6}" dt="2022-07-22T13:48:46.819" v="552" actId="478"/>
          <ac:grpSpMkLst>
            <pc:docMk/>
            <pc:sldMk cId="2166140154" sldId="529"/>
            <ac:grpSpMk id="5181" creationId="{7CBD3C51-A31C-806A-DCFB-6E602775CDFB}"/>
          </ac:grpSpMkLst>
        </pc:grpChg>
        <pc:graphicFrameChg chg="del">
          <ac:chgData name="Matias Vázquez Piñón" userId="2f86a967-3c9c-4a39-b538-7e6c0574d83d" providerId="ADAL" clId="{FF34E82E-70A5-47A1-988E-8EC70675C3B6}" dt="2022-07-22T13:48:52.420" v="554" actId="478"/>
          <ac:graphicFrameMkLst>
            <pc:docMk/>
            <pc:sldMk cId="2166140154" sldId="529"/>
            <ac:graphicFrameMk id="5" creationId="{FF58BD2E-9A49-D951-124A-98D6EAF19A57}"/>
          </ac:graphicFrameMkLst>
        </pc:graphicFrameChg>
        <pc:picChg chg="del">
          <ac:chgData name="Matias Vázquez Piñón" userId="2f86a967-3c9c-4a39-b538-7e6c0574d83d" providerId="ADAL" clId="{FF34E82E-70A5-47A1-988E-8EC70675C3B6}" dt="2022-07-22T13:48:52.420" v="554" actId="478"/>
          <ac:picMkLst>
            <pc:docMk/>
            <pc:sldMk cId="2166140154" sldId="529"/>
            <ac:picMk id="8" creationId="{B50BCB93-5FD2-061C-C771-21BAFE5F812B}"/>
          </ac:picMkLst>
        </pc:picChg>
        <pc:picChg chg="del">
          <ac:chgData name="Matias Vázquez Piñón" userId="2f86a967-3c9c-4a39-b538-7e6c0574d83d" providerId="ADAL" clId="{FF34E82E-70A5-47A1-988E-8EC70675C3B6}" dt="2022-07-22T13:48:40.560" v="550" actId="478"/>
          <ac:picMkLst>
            <pc:docMk/>
            <pc:sldMk cId="2166140154" sldId="529"/>
            <ac:picMk id="12" creationId="{99CB7DAB-CD6F-1DE8-936F-AF068863A949}"/>
          </ac:picMkLst>
        </pc:picChg>
        <pc:picChg chg="del">
          <ac:chgData name="Matias Vázquez Piñón" userId="2f86a967-3c9c-4a39-b538-7e6c0574d83d" providerId="ADAL" clId="{FF34E82E-70A5-47A1-988E-8EC70675C3B6}" dt="2022-07-22T13:48:46.819" v="552" actId="478"/>
          <ac:picMkLst>
            <pc:docMk/>
            <pc:sldMk cId="2166140154" sldId="529"/>
            <ac:picMk id="30" creationId="{B453F5C3-5BB3-6972-294A-E1DE21F0E1BC}"/>
          </ac:picMkLst>
        </pc:picChg>
        <pc:picChg chg="del">
          <ac:chgData name="Matias Vázquez Piñón" userId="2f86a967-3c9c-4a39-b538-7e6c0574d83d" providerId="ADAL" clId="{FF34E82E-70A5-47A1-988E-8EC70675C3B6}" dt="2022-07-22T13:48:46.819" v="552" actId="478"/>
          <ac:picMkLst>
            <pc:docMk/>
            <pc:sldMk cId="2166140154" sldId="529"/>
            <ac:picMk id="42" creationId="{CD5CF6A5-BAFC-71BE-EFF8-4DA1DFF52409}"/>
          </ac:picMkLst>
        </pc:picChg>
        <pc:picChg chg="del">
          <ac:chgData name="Matias Vázquez Piñón" userId="2f86a967-3c9c-4a39-b538-7e6c0574d83d" providerId="ADAL" clId="{FF34E82E-70A5-47A1-988E-8EC70675C3B6}" dt="2022-07-22T13:48:43.371" v="551" actId="478"/>
          <ac:picMkLst>
            <pc:docMk/>
            <pc:sldMk cId="2166140154" sldId="529"/>
            <ac:picMk id="5122" creationId="{3AD6D71D-82C3-E17C-338E-79A800CBA42F}"/>
          </ac:picMkLst>
        </pc:picChg>
        <pc:picChg chg="del">
          <ac:chgData name="Matias Vázquez Piñón" userId="2f86a967-3c9c-4a39-b538-7e6c0574d83d" providerId="ADAL" clId="{FF34E82E-70A5-47A1-988E-8EC70675C3B6}" dt="2022-07-22T13:48:43.371" v="551" actId="478"/>
          <ac:picMkLst>
            <pc:docMk/>
            <pc:sldMk cId="2166140154" sldId="529"/>
            <ac:picMk id="5124" creationId="{3B0A412F-5615-5480-9F44-F59996C563B9}"/>
          </ac:picMkLst>
        </pc:picChg>
        <pc:picChg chg="del">
          <ac:chgData name="Matias Vázquez Piñón" userId="2f86a967-3c9c-4a39-b538-7e6c0574d83d" providerId="ADAL" clId="{FF34E82E-70A5-47A1-988E-8EC70675C3B6}" dt="2022-07-22T13:48:52.420" v="554" actId="478"/>
          <ac:picMkLst>
            <pc:docMk/>
            <pc:sldMk cId="2166140154" sldId="529"/>
            <ac:picMk id="5126" creationId="{4738CEC8-A1FE-E2C5-E11C-6D8A61FFDD39}"/>
          </ac:picMkLst>
        </pc:picChg>
        <pc:inkChg chg="del">
          <ac:chgData name="Matias Vázquez Piñón" userId="2f86a967-3c9c-4a39-b538-7e6c0574d83d" providerId="ADAL" clId="{FF34E82E-70A5-47A1-988E-8EC70675C3B6}" dt="2022-07-22T13:48:46.819" v="552" actId="478"/>
          <ac:inkMkLst>
            <pc:docMk/>
            <pc:sldMk cId="2166140154" sldId="529"/>
            <ac:inkMk id="57" creationId="{BC62C0D2-A2DB-C3E8-13B7-B5F6F9FBCE55}"/>
          </ac:inkMkLst>
        </pc:inkChg>
        <pc:inkChg chg="del">
          <ac:chgData name="Matias Vázquez Piñón" userId="2f86a967-3c9c-4a39-b538-7e6c0574d83d" providerId="ADAL" clId="{FF34E82E-70A5-47A1-988E-8EC70675C3B6}" dt="2022-07-22T13:48:46.819" v="552" actId="478"/>
          <ac:inkMkLst>
            <pc:docMk/>
            <pc:sldMk cId="2166140154" sldId="529"/>
            <ac:inkMk id="67" creationId="{2A5673F1-9E7E-6306-EEA0-52BCCBF6CA36}"/>
          </ac:inkMkLst>
        </pc:inkChg>
        <pc:inkChg chg="del">
          <ac:chgData name="Matias Vázquez Piñón" userId="2f86a967-3c9c-4a39-b538-7e6c0574d83d" providerId="ADAL" clId="{FF34E82E-70A5-47A1-988E-8EC70675C3B6}" dt="2022-07-22T13:48:46.819" v="552" actId="478"/>
          <ac:inkMkLst>
            <pc:docMk/>
            <pc:sldMk cId="2166140154" sldId="529"/>
            <ac:inkMk id="78" creationId="{17B3E037-04D8-2676-136C-31A292079003}"/>
          </ac:inkMkLst>
        </pc:inkChg>
        <pc:inkChg chg="del">
          <ac:chgData name="Matias Vázquez Piñón" userId="2f86a967-3c9c-4a39-b538-7e6c0574d83d" providerId="ADAL" clId="{FF34E82E-70A5-47A1-988E-8EC70675C3B6}" dt="2022-07-22T13:48:46.819" v="552" actId="478"/>
          <ac:inkMkLst>
            <pc:docMk/>
            <pc:sldMk cId="2166140154" sldId="529"/>
            <ac:inkMk id="80" creationId="{2CC3AFB5-4FF6-2755-0A56-30DF26255F06}"/>
          </ac:inkMkLst>
        </pc:inkChg>
        <pc:inkChg chg="del">
          <ac:chgData name="Matias Vázquez Piñón" userId="2f86a967-3c9c-4a39-b538-7e6c0574d83d" providerId="ADAL" clId="{FF34E82E-70A5-47A1-988E-8EC70675C3B6}" dt="2022-07-22T13:48:46.819" v="552" actId="478"/>
          <ac:inkMkLst>
            <pc:docMk/>
            <pc:sldMk cId="2166140154" sldId="529"/>
            <ac:inkMk id="5121" creationId="{4127EAB2-C624-1F6F-A18D-0D88CCB3E677}"/>
          </ac:inkMkLst>
        </pc:inkChg>
        <pc:inkChg chg="del">
          <ac:chgData name="Matias Vázquez Piñón" userId="2f86a967-3c9c-4a39-b538-7e6c0574d83d" providerId="ADAL" clId="{FF34E82E-70A5-47A1-988E-8EC70675C3B6}" dt="2022-07-22T13:48:46.819" v="552" actId="478"/>
          <ac:inkMkLst>
            <pc:docMk/>
            <pc:sldMk cId="2166140154" sldId="529"/>
            <ac:inkMk id="5123" creationId="{A318AB86-FBB9-D4F9-AF5A-7F716CD16D1C}"/>
          </ac:inkMkLst>
        </pc:inkChg>
        <pc:inkChg chg="del">
          <ac:chgData name="Matias Vázquez Piñón" userId="2f86a967-3c9c-4a39-b538-7e6c0574d83d" providerId="ADAL" clId="{FF34E82E-70A5-47A1-988E-8EC70675C3B6}" dt="2022-07-22T13:48:46.819" v="552" actId="478"/>
          <ac:inkMkLst>
            <pc:docMk/>
            <pc:sldMk cId="2166140154" sldId="529"/>
            <ac:inkMk id="5131" creationId="{EACBFAD2-B2D0-F888-434A-D3574AEFAEED}"/>
          </ac:inkMkLst>
        </pc:inkChg>
      </pc:sldChg>
      <pc:sldChg chg="addSp delSp modSp mod chgLayout">
        <pc:chgData name="Matias Vázquez Piñón" userId="2f86a967-3c9c-4a39-b538-7e6c0574d83d" providerId="ADAL" clId="{FF34E82E-70A5-47A1-988E-8EC70675C3B6}" dt="2022-08-05T15:19:58.220" v="1241" actId="21"/>
        <pc:sldMkLst>
          <pc:docMk/>
          <pc:sldMk cId="2324915294" sldId="532"/>
        </pc:sldMkLst>
        <pc:spChg chg="mod ord">
          <ac:chgData name="Matias Vázquez Piñón" userId="2f86a967-3c9c-4a39-b538-7e6c0574d83d" providerId="ADAL" clId="{FF34E82E-70A5-47A1-988E-8EC70675C3B6}" dt="2022-08-03T15:14:27.208" v="1095" actId="700"/>
          <ac:spMkLst>
            <pc:docMk/>
            <pc:sldMk cId="2324915294" sldId="532"/>
            <ac:spMk id="2" creationId="{0760B2BA-9B4F-3C54-BE9A-BC10E5565DA9}"/>
          </ac:spMkLst>
        </pc:spChg>
        <pc:spChg chg="add del mod ord">
          <ac:chgData name="Matias Vázquez Piñón" userId="2f86a967-3c9c-4a39-b538-7e6c0574d83d" providerId="ADAL" clId="{FF34E82E-70A5-47A1-988E-8EC70675C3B6}" dt="2022-08-05T15:15:09.097" v="1199" actId="478"/>
          <ac:spMkLst>
            <pc:docMk/>
            <pc:sldMk cId="2324915294" sldId="532"/>
            <ac:spMk id="3" creationId="{A7E57CF6-D7B9-012A-B835-69915E4C579B}"/>
          </ac:spMkLst>
        </pc:spChg>
        <pc:spChg chg="del">
          <ac:chgData name="Matias Vázquez Piñón" userId="2f86a967-3c9c-4a39-b538-7e6c0574d83d" providerId="ADAL" clId="{FF34E82E-70A5-47A1-988E-8EC70675C3B6}" dt="2022-08-03T15:14:08.240" v="1089" actId="478"/>
          <ac:spMkLst>
            <pc:docMk/>
            <pc:sldMk cId="2324915294" sldId="532"/>
            <ac:spMk id="4" creationId="{42836E10-3D76-7648-283D-6775DD9933BD}"/>
          </ac:spMkLst>
        </pc:spChg>
        <pc:spChg chg="mod ord">
          <ac:chgData name="Matias Vázquez Piñón" userId="2f86a967-3c9c-4a39-b538-7e6c0574d83d" providerId="ADAL" clId="{FF34E82E-70A5-47A1-988E-8EC70675C3B6}" dt="2022-08-03T15:14:27.208" v="1095" actId="700"/>
          <ac:spMkLst>
            <pc:docMk/>
            <pc:sldMk cId="2324915294" sldId="532"/>
            <ac:spMk id="5" creationId="{CF401781-C33A-7CE5-5BB7-F99093C306C5}"/>
          </ac:spMkLst>
        </pc:spChg>
        <pc:spChg chg="del mod">
          <ac:chgData name="Matias Vázquez Piñón" userId="2f86a967-3c9c-4a39-b538-7e6c0574d83d" providerId="ADAL" clId="{FF34E82E-70A5-47A1-988E-8EC70675C3B6}" dt="2022-08-05T15:15:12.148" v="1200" actId="478"/>
          <ac:spMkLst>
            <pc:docMk/>
            <pc:sldMk cId="2324915294" sldId="532"/>
            <ac:spMk id="6" creationId="{2983B76C-5170-BEBD-AB90-FB7292F0C8F1}"/>
          </ac:spMkLst>
        </pc:spChg>
        <pc:spChg chg="del mod">
          <ac:chgData name="Matias Vázquez Piñón" userId="2f86a967-3c9c-4a39-b538-7e6c0574d83d" providerId="ADAL" clId="{FF34E82E-70A5-47A1-988E-8EC70675C3B6}" dt="2022-08-05T15:15:12.148" v="1200" actId="478"/>
          <ac:spMkLst>
            <pc:docMk/>
            <pc:sldMk cId="2324915294" sldId="532"/>
            <ac:spMk id="7" creationId="{19A67074-4ED9-2477-6BEF-258BD6B925D5}"/>
          </ac:spMkLst>
        </pc:spChg>
        <pc:spChg chg="del mod">
          <ac:chgData name="Matias Vázquez Piñón" userId="2f86a967-3c9c-4a39-b538-7e6c0574d83d" providerId="ADAL" clId="{FF34E82E-70A5-47A1-988E-8EC70675C3B6}" dt="2022-08-05T15:15:12.148" v="1200" actId="478"/>
          <ac:spMkLst>
            <pc:docMk/>
            <pc:sldMk cId="2324915294" sldId="532"/>
            <ac:spMk id="8" creationId="{F37C69C9-0B16-15C5-75E3-97D8297FB01D}"/>
          </ac:spMkLst>
        </pc:spChg>
        <pc:spChg chg="del">
          <ac:chgData name="Matias Vázquez Piñón" userId="2f86a967-3c9c-4a39-b538-7e6c0574d83d" providerId="ADAL" clId="{FF34E82E-70A5-47A1-988E-8EC70675C3B6}" dt="2022-08-05T15:15:12.148" v="1200" actId="478"/>
          <ac:spMkLst>
            <pc:docMk/>
            <pc:sldMk cId="2324915294" sldId="532"/>
            <ac:spMk id="9" creationId="{9525E8E4-F083-8253-9B40-BF2091C5ED6A}"/>
          </ac:spMkLst>
        </pc:spChg>
        <pc:spChg chg="del">
          <ac:chgData name="Matias Vázquez Piñón" userId="2f86a967-3c9c-4a39-b538-7e6c0574d83d" providerId="ADAL" clId="{FF34E82E-70A5-47A1-988E-8EC70675C3B6}" dt="2022-08-05T15:15:12.148" v="1200" actId="478"/>
          <ac:spMkLst>
            <pc:docMk/>
            <pc:sldMk cId="2324915294" sldId="532"/>
            <ac:spMk id="10" creationId="{46DFFA1E-1260-2D38-1570-77DE11E01D6C}"/>
          </ac:spMkLst>
        </pc:spChg>
        <pc:spChg chg="del">
          <ac:chgData name="Matias Vázquez Piñón" userId="2f86a967-3c9c-4a39-b538-7e6c0574d83d" providerId="ADAL" clId="{FF34E82E-70A5-47A1-988E-8EC70675C3B6}" dt="2022-08-05T15:15:12.148" v="1200" actId="478"/>
          <ac:spMkLst>
            <pc:docMk/>
            <pc:sldMk cId="2324915294" sldId="532"/>
            <ac:spMk id="11" creationId="{9B8B354C-7C0B-B79F-008C-B83F43DC01D4}"/>
          </ac:spMkLst>
        </pc:spChg>
        <pc:spChg chg="add del mod">
          <ac:chgData name="Matias Vázquez Piñón" userId="2f86a967-3c9c-4a39-b538-7e6c0574d83d" providerId="ADAL" clId="{FF34E82E-70A5-47A1-988E-8EC70675C3B6}" dt="2022-08-05T15:13:44.940" v="1153" actId="1032"/>
          <ac:spMkLst>
            <pc:docMk/>
            <pc:sldMk cId="2324915294" sldId="532"/>
            <ac:spMk id="12" creationId="{6ACAF695-9DB0-47B2-332E-EE70C80D6F3D}"/>
          </ac:spMkLst>
        </pc:spChg>
        <pc:spChg chg="del">
          <ac:chgData name="Matias Vázquez Piñón" userId="2f86a967-3c9c-4a39-b538-7e6c0574d83d" providerId="ADAL" clId="{FF34E82E-70A5-47A1-988E-8EC70675C3B6}" dt="2022-08-03T15:14:05.978" v="1088" actId="478"/>
          <ac:spMkLst>
            <pc:docMk/>
            <pc:sldMk cId="2324915294" sldId="532"/>
            <ac:spMk id="12" creationId="{DED8AFCB-8E45-B8EA-660D-FD4B6538EB94}"/>
          </ac:spMkLst>
        </pc:spChg>
        <pc:spChg chg="del">
          <ac:chgData name="Matias Vázquez Piñón" userId="2f86a967-3c9c-4a39-b538-7e6c0574d83d" providerId="ADAL" clId="{FF34E82E-70A5-47A1-988E-8EC70675C3B6}" dt="2022-08-05T15:15:12.148" v="1200" actId="478"/>
          <ac:spMkLst>
            <pc:docMk/>
            <pc:sldMk cId="2324915294" sldId="532"/>
            <ac:spMk id="13" creationId="{76B39B7E-1B84-A197-C7E2-E5C4FBFC0D44}"/>
          </ac:spMkLst>
        </pc:spChg>
        <pc:spChg chg="add del mod">
          <ac:chgData name="Matias Vázquez Piñón" userId="2f86a967-3c9c-4a39-b538-7e6c0574d83d" providerId="ADAL" clId="{FF34E82E-70A5-47A1-988E-8EC70675C3B6}" dt="2022-08-03T15:14:10.871" v="1090" actId="478"/>
          <ac:spMkLst>
            <pc:docMk/>
            <pc:sldMk cId="2324915294" sldId="532"/>
            <ac:spMk id="14" creationId="{B6F0909D-77B3-7B81-3F79-F43511356D6B}"/>
          </ac:spMkLst>
        </pc:spChg>
        <pc:spChg chg="add del mod">
          <ac:chgData name="Matias Vázquez Piñón" userId="2f86a967-3c9c-4a39-b538-7e6c0574d83d" providerId="ADAL" clId="{FF34E82E-70A5-47A1-988E-8EC70675C3B6}" dt="2022-08-05T15:15:12.148" v="1200" actId="478"/>
          <ac:spMkLst>
            <pc:docMk/>
            <pc:sldMk cId="2324915294" sldId="532"/>
            <ac:spMk id="15" creationId="{BE573844-3622-B356-DAB0-A125D4DFA264}"/>
          </ac:spMkLst>
        </pc:spChg>
        <pc:spChg chg="add del mod ord">
          <ac:chgData name="Matias Vázquez Piñón" userId="2f86a967-3c9c-4a39-b538-7e6c0574d83d" providerId="ADAL" clId="{FF34E82E-70A5-47A1-988E-8EC70675C3B6}" dt="2022-08-03T15:15:06.506" v="1102" actId="478"/>
          <ac:spMkLst>
            <pc:docMk/>
            <pc:sldMk cId="2324915294" sldId="532"/>
            <ac:spMk id="16" creationId="{25084F69-E2EF-340B-B234-5884AE0CF518}"/>
          </ac:spMkLst>
        </pc:spChg>
        <pc:spChg chg="add del mod">
          <ac:chgData name="Matias Vázquez Piñón" userId="2f86a967-3c9c-4a39-b538-7e6c0574d83d" providerId="ADAL" clId="{FF34E82E-70A5-47A1-988E-8EC70675C3B6}" dt="2022-08-03T15:15:03.394" v="1101" actId="478"/>
          <ac:spMkLst>
            <pc:docMk/>
            <pc:sldMk cId="2324915294" sldId="532"/>
            <ac:spMk id="17" creationId="{2C1ED99B-A1CF-7E76-D9CE-F82896A638F6}"/>
          </ac:spMkLst>
        </pc:spChg>
        <pc:spChg chg="add del mod">
          <ac:chgData name="Matias Vázquez Piñón" userId="2f86a967-3c9c-4a39-b538-7e6c0574d83d" providerId="ADAL" clId="{FF34E82E-70A5-47A1-988E-8EC70675C3B6}" dt="2022-08-03T15:15:29.532" v="1103"/>
          <ac:spMkLst>
            <pc:docMk/>
            <pc:sldMk cId="2324915294" sldId="532"/>
            <ac:spMk id="18" creationId="{98E7220F-5D28-2F81-DCF3-3D027C7EED5C}"/>
          </ac:spMkLst>
        </pc:spChg>
        <pc:spChg chg="add mod">
          <ac:chgData name="Matias Vázquez Piñón" userId="2f86a967-3c9c-4a39-b538-7e6c0574d83d" providerId="ADAL" clId="{FF34E82E-70A5-47A1-988E-8EC70675C3B6}" dt="2022-08-05T15:18:56.458" v="1237" actId="1076"/>
          <ac:spMkLst>
            <pc:docMk/>
            <pc:sldMk cId="2324915294" sldId="532"/>
            <ac:spMk id="31" creationId="{E7989CE9-DDD0-D524-AA70-53B2E78E656D}"/>
          </ac:spMkLst>
        </pc:spChg>
        <pc:spChg chg="add del mod">
          <ac:chgData name="Matias Vázquez Piñón" userId="2f86a967-3c9c-4a39-b538-7e6c0574d83d" providerId="ADAL" clId="{FF34E82E-70A5-47A1-988E-8EC70675C3B6}" dt="2022-08-05T15:19:58.220" v="1241" actId="21"/>
          <ac:spMkLst>
            <pc:docMk/>
            <pc:sldMk cId="2324915294" sldId="532"/>
            <ac:spMk id="38" creationId="{E9226D8A-587E-121B-A48E-0E7EF9B3980D}"/>
          </ac:spMkLst>
        </pc:spChg>
        <pc:graphicFrameChg chg="add mod modGraphic">
          <ac:chgData name="Matias Vázquez Piñón" userId="2f86a967-3c9c-4a39-b538-7e6c0574d83d" providerId="ADAL" clId="{FF34E82E-70A5-47A1-988E-8EC70675C3B6}" dt="2022-08-05T15:18:35.084" v="1231"/>
          <ac:graphicFrameMkLst>
            <pc:docMk/>
            <pc:sldMk cId="2324915294" sldId="532"/>
            <ac:graphicFrameMk id="14" creationId="{FADC8B9A-D832-5C58-4E95-0A3295F81E94}"/>
          </ac:graphicFrameMkLst>
        </pc:graphicFrameChg>
        <pc:graphicFrameChg chg="add del mod">
          <ac:chgData name="Matias Vázquez Piñón" userId="2f86a967-3c9c-4a39-b538-7e6c0574d83d" providerId="ADAL" clId="{FF34E82E-70A5-47A1-988E-8EC70675C3B6}" dt="2022-08-03T15:14:20.012" v="1093"/>
          <ac:graphicFrameMkLst>
            <pc:docMk/>
            <pc:sldMk cId="2324915294" sldId="532"/>
            <ac:graphicFrameMk id="15" creationId="{1C9078C5-0E08-FF46-B81D-F47878A3DBE4}"/>
          </ac:graphicFrameMkLst>
        </pc:graphicFrameChg>
        <pc:graphicFrameChg chg="add del mod modGraphic">
          <ac:chgData name="Matias Vázquez Piñón" userId="2f86a967-3c9c-4a39-b538-7e6c0574d83d" providerId="ADAL" clId="{FF34E82E-70A5-47A1-988E-8EC70675C3B6}" dt="2022-08-05T15:13:06.546" v="1151" actId="478"/>
          <ac:graphicFrameMkLst>
            <pc:docMk/>
            <pc:sldMk cId="2324915294" sldId="532"/>
            <ac:graphicFrameMk id="19" creationId="{51DE9ED5-7265-BA03-2D1A-7559DC5E1FFD}"/>
          </ac:graphicFrameMkLst>
        </pc:graphicFrameChg>
        <pc:graphicFrameChg chg="add mod">
          <ac:chgData name="Matias Vázquez Piñón" userId="2f86a967-3c9c-4a39-b538-7e6c0574d83d" providerId="ADAL" clId="{FF34E82E-70A5-47A1-988E-8EC70675C3B6}" dt="2022-08-05T15:18:56.458" v="1237" actId="1076"/>
          <ac:graphicFrameMkLst>
            <pc:docMk/>
            <pc:sldMk cId="2324915294" sldId="532"/>
            <ac:graphicFrameMk id="32" creationId="{6E47517F-23BE-A266-BD14-66BB244AB810}"/>
          </ac:graphicFrameMkLst>
        </pc:graphicFrameChg>
        <pc:picChg chg="add del mod">
          <ac:chgData name="Matias Vázquez Piñón" userId="2f86a967-3c9c-4a39-b538-7e6c0574d83d" providerId="ADAL" clId="{FF34E82E-70A5-47A1-988E-8EC70675C3B6}" dt="2022-08-05T15:16:51.017" v="1211" actId="21"/>
          <ac:picMkLst>
            <pc:docMk/>
            <pc:sldMk cId="2324915294" sldId="532"/>
            <ac:picMk id="17" creationId="{07B9DA76-D98C-6C7A-3BE8-F55A86803652}"/>
          </ac:picMkLst>
        </pc:picChg>
        <pc:picChg chg="add del mod">
          <ac:chgData name="Matias Vázquez Piñón" userId="2f86a967-3c9c-4a39-b538-7e6c0574d83d" providerId="ADAL" clId="{FF34E82E-70A5-47A1-988E-8EC70675C3B6}" dt="2022-08-05T15:17:02.054" v="1216" actId="478"/>
          <ac:picMkLst>
            <pc:docMk/>
            <pc:sldMk cId="2324915294" sldId="532"/>
            <ac:picMk id="20" creationId="{11EF508F-C738-12ED-3299-8697FB1EF0F1}"/>
          </ac:picMkLst>
        </pc:picChg>
        <pc:picChg chg="add del mod">
          <ac:chgData name="Matias Vázquez Piñón" userId="2f86a967-3c9c-4a39-b538-7e6c0574d83d" providerId="ADAL" clId="{FF34E82E-70A5-47A1-988E-8EC70675C3B6}" dt="2022-08-05T15:17:01.303" v="1215" actId="478"/>
          <ac:picMkLst>
            <pc:docMk/>
            <pc:sldMk cId="2324915294" sldId="532"/>
            <ac:picMk id="22" creationId="{EC44DF6D-52FF-C42D-6589-71D1EDEB9584}"/>
          </ac:picMkLst>
        </pc:picChg>
        <pc:picChg chg="add del mod">
          <ac:chgData name="Matias Vázquez Piñón" userId="2f86a967-3c9c-4a39-b538-7e6c0574d83d" providerId="ADAL" clId="{FF34E82E-70A5-47A1-988E-8EC70675C3B6}" dt="2022-08-05T15:17:56.346" v="1220" actId="21"/>
          <ac:picMkLst>
            <pc:docMk/>
            <pc:sldMk cId="2324915294" sldId="532"/>
            <ac:picMk id="24" creationId="{867C7D37-6BEF-59ED-878C-43DD671D976B}"/>
          </ac:picMkLst>
        </pc:picChg>
        <pc:picChg chg="add del mod">
          <ac:chgData name="Matias Vázquez Piñón" userId="2f86a967-3c9c-4a39-b538-7e6c0574d83d" providerId="ADAL" clId="{FF34E82E-70A5-47A1-988E-8EC70675C3B6}" dt="2022-08-05T15:18:06.090" v="1225" actId="21"/>
          <ac:picMkLst>
            <pc:docMk/>
            <pc:sldMk cId="2324915294" sldId="532"/>
            <ac:picMk id="26" creationId="{0E53382F-7B8D-3D6E-8E88-C05E95B32667}"/>
          </ac:picMkLst>
        </pc:picChg>
        <pc:picChg chg="add del mod">
          <ac:chgData name="Matias Vázquez Piñón" userId="2f86a967-3c9c-4a39-b538-7e6c0574d83d" providerId="ADAL" clId="{FF34E82E-70A5-47A1-988E-8EC70675C3B6}" dt="2022-08-05T15:18:01.660" v="1223" actId="21"/>
          <ac:picMkLst>
            <pc:docMk/>
            <pc:sldMk cId="2324915294" sldId="532"/>
            <ac:picMk id="28" creationId="{B0BFC1A4-29B9-6822-1544-1E0F49F6AB78}"/>
          </ac:picMkLst>
        </pc:picChg>
        <pc:picChg chg="add del mod">
          <ac:chgData name="Matias Vázquez Piñón" userId="2f86a967-3c9c-4a39-b538-7e6c0574d83d" providerId="ADAL" clId="{FF34E82E-70A5-47A1-988E-8EC70675C3B6}" dt="2022-08-05T15:18:33.596" v="1230" actId="21"/>
          <ac:picMkLst>
            <pc:docMk/>
            <pc:sldMk cId="2324915294" sldId="532"/>
            <ac:picMk id="30" creationId="{47B22115-73D1-611C-921B-1A985FE7BCE8}"/>
          </ac:picMkLst>
        </pc:picChg>
        <pc:picChg chg="add mod">
          <ac:chgData name="Matias Vázquez Piñón" userId="2f86a967-3c9c-4a39-b538-7e6c0574d83d" providerId="ADAL" clId="{FF34E82E-70A5-47A1-988E-8EC70675C3B6}" dt="2022-08-05T15:18:56.458" v="1237" actId="1076"/>
          <ac:picMkLst>
            <pc:docMk/>
            <pc:sldMk cId="2324915294" sldId="532"/>
            <ac:picMk id="33" creationId="{7B00AC28-B481-5C45-38C9-E4001416A5BA}"/>
          </ac:picMkLst>
        </pc:picChg>
        <pc:picChg chg="add mod">
          <ac:chgData name="Matias Vázquez Piñón" userId="2f86a967-3c9c-4a39-b538-7e6c0574d83d" providerId="ADAL" clId="{FF34E82E-70A5-47A1-988E-8EC70675C3B6}" dt="2022-08-05T15:18:56.458" v="1237" actId="1076"/>
          <ac:picMkLst>
            <pc:docMk/>
            <pc:sldMk cId="2324915294" sldId="532"/>
            <ac:picMk id="34" creationId="{6ECDB699-DBFD-23F4-6B4C-9E1698078D7A}"/>
          </ac:picMkLst>
        </pc:picChg>
        <pc:picChg chg="add mod">
          <ac:chgData name="Matias Vázquez Piñón" userId="2f86a967-3c9c-4a39-b538-7e6c0574d83d" providerId="ADAL" clId="{FF34E82E-70A5-47A1-988E-8EC70675C3B6}" dt="2022-08-05T15:18:56.458" v="1237" actId="1076"/>
          <ac:picMkLst>
            <pc:docMk/>
            <pc:sldMk cId="2324915294" sldId="532"/>
            <ac:picMk id="35" creationId="{32E5F2AE-D37D-F42E-0205-548EBD619768}"/>
          </ac:picMkLst>
        </pc:picChg>
        <pc:picChg chg="add mod">
          <ac:chgData name="Matias Vázquez Piñón" userId="2f86a967-3c9c-4a39-b538-7e6c0574d83d" providerId="ADAL" clId="{FF34E82E-70A5-47A1-988E-8EC70675C3B6}" dt="2022-08-05T15:18:56.458" v="1237" actId="1076"/>
          <ac:picMkLst>
            <pc:docMk/>
            <pc:sldMk cId="2324915294" sldId="532"/>
            <ac:picMk id="36" creationId="{4F409032-A63A-5660-81E9-27ACD78F1630}"/>
          </ac:picMkLst>
        </pc:picChg>
        <pc:picChg chg="add mod">
          <ac:chgData name="Matias Vázquez Piñón" userId="2f86a967-3c9c-4a39-b538-7e6c0574d83d" providerId="ADAL" clId="{FF34E82E-70A5-47A1-988E-8EC70675C3B6}" dt="2022-08-05T15:18:56.458" v="1237" actId="1076"/>
          <ac:picMkLst>
            <pc:docMk/>
            <pc:sldMk cId="2324915294" sldId="532"/>
            <ac:picMk id="37" creationId="{ADDCCCB8-DA19-A1E4-9047-0838FAD31F61}"/>
          </ac:picMkLst>
        </pc:picChg>
      </pc:sldChg>
      <pc:sldChg chg="modSp new mod ord">
        <pc:chgData name="Matias Vázquez Piñón" userId="2f86a967-3c9c-4a39-b538-7e6c0574d83d" providerId="ADAL" clId="{FF34E82E-70A5-47A1-988E-8EC70675C3B6}" dt="2022-07-21T11:16:40.581" v="548"/>
        <pc:sldMkLst>
          <pc:docMk/>
          <pc:sldMk cId="2070974135" sldId="533"/>
        </pc:sldMkLst>
        <pc:spChg chg="mod">
          <ac:chgData name="Matias Vázquez Piñón" userId="2f86a967-3c9c-4a39-b538-7e6c0574d83d" providerId="ADAL" clId="{FF34E82E-70A5-47A1-988E-8EC70675C3B6}" dt="2022-07-21T11:13:35.276" v="320" actId="20577"/>
          <ac:spMkLst>
            <pc:docMk/>
            <pc:sldMk cId="2070974135" sldId="533"/>
            <ac:spMk id="2" creationId="{B665A09D-E0ED-AD78-0D5F-19E53A6D0A8E}"/>
          </ac:spMkLst>
        </pc:spChg>
        <pc:spChg chg="mod">
          <ac:chgData name="Matias Vázquez Piñón" userId="2f86a967-3c9c-4a39-b538-7e6c0574d83d" providerId="ADAL" clId="{FF34E82E-70A5-47A1-988E-8EC70675C3B6}" dt="2022-07-21T11:15:46.762" v="488" actId="20577"/>
          <ac:spMkLst>
            <pc:docMk/>
            <pc:sldMk cId="2070974135" sldId="533"/>
            <ac:spMk id="3" creationId="{EA4CCBC4-713E-E477-61CC-98CAD928A914}"/>
          </ac:spMkLst>
        </pc:spChg>
      </pc:sldChg>
      <pc:sldChg chg="addSp delSp modSp new mod">
        <pc:chgData name="Matias Vázquez Piñón" userId="2f86a967-3c9c-4a39-b538-7e6c0574d83d" providerId="ADAL" clId="{FF34E82E-70A5-47A1-988E-8EC70675C3B6}" dt="2022-07-22T14:43:03.393" v="1032" actId="21"/>
        <pc:sldMkLst>
          <pc:docMk/>
          <pc:sldMk cId="2814351320" sldId="534"/>
        </pc:sldMkLst>
        <pc:spChg chg="mod">
          <ac:chgData name="Matias Vázquez Piñón" userId="2f86a967-3c9c-4a39-b538-7e6c0574d83d" providerId="ADAL" clId="{FF34E82E-70A5-47A1-988E-8EC70675C3B6}" dt="2022-07-21T11:16:28.518" v="546" actId="20577"/>
          <ac:spMkLst>
            <pc:docMk/>
            <pc:sldMk cId="2814351320" sldId="534"/>
            <ac:spMk id="2" creationId="{95E60C2E-F588-1077-B62D-818543F1ABB5}"/>
          </ac:spMkLst>
        </pc:spChg>
        <pc:spChg chg="mod">
          <ac:chgData name="Matias Vázquez Piñón" userId="2f86a967-3c9c-4a39-b538-7e6c0574d83d" providerId="ADAL" clId="{FF34E82E-70A5-47A1-988E-8EC70675C3B6}" dt="2022-07-21T11:16:12.686" v="514" actId="20577"/>
          <ac:spMkLst>
            <pc:docMk/>
            <pc:sldMk cId="2814351320" sldId="534"/>
            <ac:spMk id="3" creationId="{FA3BB1C5-66D0-4E5E-D740-62751870FBB9}"/>
          </ac:spMkLst>
        </pc:spChg>
        <pc:spChg chg="add del mod">
          <ac:chgData name="Matias Vázquez Piñón" userId="2f86a967-3c9c-4a39-b538-7e6c0574d83d" providerId="ADAL" clId="{FF34E82E-70A5-47A1-988E-8EC70675C3B6}" dt="2022-07-22T14:42:23.596" v="1021" actId="478"/>
          <ac:spMkLst>
            <pc:docMk/>
            <pc:sldMk cId="2814351320" sldId="534"/>
            <ac:spMk id="5" creationId="{887CA825-BFC8-2CD6-1317-93ED84015D89}"/>
          </ac:spMkLst>
        </pc:spChg>
        <pc:spChg chg="add del mod">
          <ac:chgData name="Matias Vázquez Piñón" userId="2f86a967-3c9c-4a39-b538-7e6c0574d83d" providerId="ADAL" clId="{FF34E82E-70A5-47A1-988E-8EC70675C3B6}" dt="2022-07-22T14:42:33.550" v="1024" actId="478"/>
          <ac:spMkLst>
            <pc:docMk/>
            <pc:sldMk cId="2814351320" sldId="534"/>
            <ac:spMk id="6" creationId="{247D6D31-AAEF-3870-A7EA-B59B9EC19B84}"/>
          </ac:spMkLst>
        </pc:spChg>
        <pc:picChg chg="add del mod">
          <ac:chgData name="Matias Vázquez Piñón" userId="2f86a967-3c9c-4a39-b538-7e6c0574d83d" providerId="ADAL" clId="{FF34E82E-70A5-47A1-988E-8EC70675C3B6}" dt="2022-07-22T14:43:03.393" v="1032" actId="21"/>
          <ac:picMkLst>
            <pc:docMk/>
            <pc:sldMk cId="2814351320" sldId="534"/>
            <ac:picMk id="3078" creationId="{676C39EB-C2C7-FAB8-7929-4E05431C327B}"/>
          </ac:picMkLst>
        </pc:picChg>
      </pc:sldChg>
      <pc:sldChg chg="addSp delSp modSp add mod">
        <pc:chgData name="Matias Vázquez Piñón" userId="2f86a967-3c9c-4a39-b538-7e6c0574d83d" providerId="ADAL" clId="{FF34E82E-70A5-47A1-988E-8EC70675C3B6}" dt="2022-08-05T15:18:50.414" v="1235" actId="21"/>
        <pc:sldMkLst>
          <pc:docMk/>
          <pc:sldMk cId="640667919" sldId="535"/>
        </pc:sldMkLst>
        <pc:spChg chg="mod">
          <ac:chgData name="Matias Vázquez Piñón" userId="2f86a967-3c9c-4a39-b538-7e6c0574d83d" providerId="ADAL" clId="{FF34E82E-70A5-47A1-988E-8EC70675C3B6}" dt="2022-08-05T15:18:42.331" v="1232" actId="1076"/>
          <ac:spMkLst>
            <pc:docMk/>
            <pc:sldMk cId="640667919" sldId="535"/>
            <ac:spMk id="2" creationId="{3FC1A7F9-634F-7D4C-0E1B-98F0180380F2}"/>
          </ac:spMkLst>
        </pc:spChg>
        <pc:spChg chg="add mod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3" creationId="{C04E1431-A94B-6403-5D70-7CD630296013}"/>
          </ac:spMkLst>
        </pc:spChg>
        <pc:spChg chg="add mod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6" creationId="{7A1CF753-59F4-905A-0507-DDCE66BEE5C6}"/>
          </ac:spMkLst>
        </pc:spChg>
        <pc:spChg chg="add mod">
          <ac:chgData name="Matias Vázquez Piñón" userId="2f86a967-3c9c-4a39-b538-7e6c0574d83d" providerId="ADAL" clId="{FF34E82E-70A5-47A1-988E-8EC70675C3B6}" dt="2022-08-05T15:18:50.414" v="1235" actId="21"/>
          <ac:spMkLst>
            <pc:docMk/>
            <pc:sldMk cId="640667919" sldId="535"/>
            <ac:spMk id="7" creationId="{0B921FC6-9003-84AA-E172-34AB9D9078F2}"/>
          </ac:spMkLst>
        </pc:spChg>
        <pc:spChg chg="del">
          <ac:chgData name="Matias Vázquez Piñón" userId="2f86a967-3c9c-4a39-b538-7e6c0574d83d" providerId="ADAL" clId="{FF34E82E-70A5-47A1-988E-8EC70675C3B6}" dt="2022-08-05T15:18:50.414" v="1235" actId="21"/>
          <ac:spMkLst>
            <pc:docMk/>
            <pc:sldMk cId="640667919" sldId="535"/>
            <ac:spMk id="18" creationId="{D9F2F174-BA29-304D-52AB-8DC61F42BBBD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22" creationId="{744134AD-5957-A1B5-AC72-825FA5A50647}"/>
          </ac:spMkLst>
        </pc:spChg>
        <pc:spChg chg="del mod">
          <ac:chgData name="Matias Vázquez Piñón" userId="2f86a967-3c9c-4a39-b538-7e6c0574d83d" providerId="ADAL" clId="{FF34E82E-70A5-47A1-988E-8EC70675C3B6}" dt="2022-08-05T15:18:50.414" v="1235" actId="21"/>
          <ac:spMkLst>
            <pc:docMk/>
            <pc:sldMk cId="640667919" sldId="535"/>
            <ac:spMk id="33" creationId="{24D5D68C-0208-071B-1FD7-1B55D3255541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36" creationId="{4BD4872D-B636-7B87-9A12-5B7A1A9C7EEB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43" creationId="{CB23B31F-F687-DA65-F19C-ECE49D1D666C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44" creationId="{D648C89D-37DE-F9CC-2086-869808A898C5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46" creationId="{C8D9936C-6F9D-085B-4356-DE64C83063DA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47" creationId="{2610447D-A076-06CF-7910-3A9AFBA39C9D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48" creationId="{0242EAAA-D18F-4810-F5B6-7B94366EA34C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49" creationId="{796F43E8-4789-F787-A553-2E9B53F43404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50" creationId="{D25A7105-7179-C64A-F4C2-D0C7571E4086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51" creationId="{AEE44BDE-800E-5321-5FF5-C15894F5D0F4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109" creationId="{9C1BAB58-6107-9F95-7003-57BDFD758B97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110" creationId="{CED0C5C3-D646-6EE2-6AF4-E3EB9F6F65F7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151" creationId="{3D014FE5-FD33-D618-F991-47F1FADA4E4F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152" creationId="{17B384FA-7577-B36A-82E5-B7BE037A6650}"/>
          </ac:spMkLst>
        </pc:spChg>
        <pc:spChg chg="del">
          <ac:chgData name="Matias Vázquez Piñón" userId="2f86a967-3c9c-4a39-b538-7e6c0574d83d" providerId="ADAL" clId="{FF34E82E-70A5-47A1-988E-8EC70675C3B6}" dt="2022-08-05T15:13:23.947" v="1152" actId="478"/>
          <ac:spMkLst>
            <pc:docMk/>
            <pc:sldMk cId="640667919" sldId="535"/>
            <ac:spMk id="153" creationId="{55426F8A-0FA0-8C6F-1441-28AAEEA3BF28}"/>
          </ac:spMkLst>
        </pc:spChg>
        <pc:grpChg chg="del">
          <ac:chgData name="Matias Vázquez Piñón" userId="2f86a967-3c9c-4a39-b538-7e6c0574d83d" providerId="ADAL" clId="{FF34E82E-70A5-47A1-988E-8EC70675C3B6}" dt="2022-08-05T15:13:23.947" v="1152" actId="478"/>
          <ac:grpSpMkLst>
            <pc:docMk/>
            <pc:sldMk cId="640667919" sldId="535"/>
            <ac:grpSpMk id="71" creationId="{68BD1057-57FB-52A4-E9BD-86CB2DF9CB0C}"/>
          </ac:grpSpMkLst>
        </pc:grpChg>
        <pc:grpChg chg="del">
          <ac:chgData name="Matias Vázquez Piñón" userId="2f86a967-3c9c-4a39-b538-7e6c0574d83d" providerId="ADAL" clId="{FF34E82E-70A5-47A1-988E-8EC70675C3B6}" dt="2022-08-05T15:13:23.947" v="1152" actId="478"/>
          <ac:grpSpMkLst>
            <pc:docMk/>
            <pc:sldMk cId="640667919" sldId="535"/>
            <ac:grpSpMk id="74" creationId="{6D1BADF0-95ED-0648-EEAD-BD1FC4A770AA}"/>
          </ac:grpSpMkLst>
        </pc:grpChg>
        <pc:grpChg chg="del">
          <ac:chgData name="Matias Vázquez Piñón" userId="2f86a967-3c9c-4a39-b538-7e6c0574d83d" providerId="ADAL" clId="{FF34E82E-70A5-47A1-988E-8EC70675C3B6}" dt="2022-08-05T15:13:23.947" v="1152" actId="478"/>
          <ac:grpSpMkLst>
            <pc:docMk/>
            <pc:sldMk cId="640667919" sldId="535"/>
            <ac:grpSpMk id="84" creationId="{C5F16E8D-127D-0664-72FA-D86EE44A0F51}"/>
          </ac:grpSpMkLst>
        </pc:grpChg>
        <pc:grpChg chg="del">
          <ac:chgData name="Matias Vázquez Piñón" userId="2f86a967-3c9c-4a39-b538-7e6c0574d83d" providerId="ADAL" clId="{FF34E82E-70A5-47A1-988E-8EC70675C3B6}" dt="2022-08-05T15:13:23.947" v="1152" actId="478"/>
          <ac:grpSpMkLst>
            <pc:docMk/>
            <pc:sldMk cId="640667919" sldId="535"/>
            <ac:grpSpMk id="112" creationId="{EB1F5AEC-F44F-A290-4451-0D2C84583EDC}"/>
          </ac:grpSpMkLst>
        </pc:grpChg>
        <pc:grpChg chg="del">
          <ac:chgData name="Matias Vázquez Piñón" userId="2f86a967-3c9c-4a39-b538-7e6c0574d83d" providerId="ADAL" clId="{FF34E82E-70A5-47A1-988E-8EC70675C3B6}" dt="2022-08-05T15:13:23.947" v="1152" actId="478"/>
          <ac:grpSpMkLst>
            <pc:docMk/>
            <pc:sldMk cId="640667919" sldId="535"/>
            <ac:grpSpMk id="116" creationId="{00BD3FED-C1A1-E19F-61EE-F5413687DE5F}"/>
          </ac:grpSpMkLst>
        </pc:grpChg>
        <pc:grpChg chg="del">
          <ac:chgData name="Matias Vázquez Piñón" userId="2f86a967-3c9c-4a39-b538-7e6c0574d83d" providerId="ADAL" clId="{FF34E82E-70A5-47A1-988E-8EC70675C3B6}" dt="2022-08-05T15:13:23.947" v="1152" actId="478"/>
          <ac:grpSpMkLst>
            <pc:docMk/>
            <pc:sldMk cId="640667919" sldId="535"/>
            <ac:grpSpMk id="5175" creationId="{F907A9C0-D371-582F-F8E5-622FA32598E0}"/>
          </ac:grpSpMkLst>
        </pc:grpChg>
        <pc:grpChg chg="del">
          <ac:chgData name="Matias Vázquez Piñón" userId="2f86a967-3c9c-4a39-b538-7e6c0574d83d" providerId="ADAL" clId="{FF34E82E-70A5-47A1-988E-8EC70675C3B6}" dt="2022-08-05T15:13:23.947" v="1152" actId="478"/>
          <ac:grpSpMkLst>
            <pc:docMk/>
            <pc:sldMk cId="640667919" sldId="535"/>
            <ac:grpSpMk id="5181" creationId="{7CBD3C51-A31C-806A-DCFB-6E602775CDFB}"/>
          </ac:grpSpMkLst>
        </pc:grpChg>
        <pc:graphicFrameChg chg="del">
          <ac:chgData name="Matias Vázquez Piñón" userId="2f86a967-3c9c-4a39-b538-7e6c0574d83d" providerId="ADAL" clId="{FF34E82E-70A5-47A1-988E-8EC70675C3B6}" dt="2022-08-05T15:18:50.414" v="1235" actId="21"/>
          <ac:graphicFrameMkLst>
            <pc:docMk/>
            <pc:sldMk cId="640667919" sldId="535"/>
            <ac:graphicFrameMk id="5" creationId="{FF58BD2E-9A49-D951-124A-98D6EAF19A57}"/>
          </ac:graphicFrameMkLst>
        </pc:graphicFrameChg>
        <pc:picChg chg="del">
          <ac:chgData name="Matias Vázquez Piñón" userId="2f86a967-3c9c-4a39-b538-7e6c0574d83d" providerId="ADAL" clId="{FF34E82E-70A5-47A1-988E-8EC70675C3B6}" dt="2022-08-05T15:18:50.414" v="1235" actId="21"/>
          <ac:picMkLst>
            <pc:docMk/>
            <pc:sldMk cId="640667919" sldId="535"/>
            <ac:picMk id="8" creationId="{B50BCB93-5FD2-061C-C771-21BAFE5F812B}"/>
          </ac:picMkLst>
        </pc:picChg>
        <pc:picChg chg="del">
          <ac:chgData name="Matias Vázquez Piñón" userId="2f86a967-3c9c-4a39-b538-7e6c0574d83d" providerId="ADAL" clId="{FF34E82E-70A5-47A1-988E-8EC70675C3B6}" dt="2022-08-05T15:18:50.414" v="1235" actId="21"/>
          <ac:picMkLst>
            <pc:docMk/>
            <pc:sldMk cId="640667919" sldId="535"/>
            <ac:picMk id="12" creationId="{99CB7DAB-CD6F-1DE8-936F-AF068863A949}"/>
          </ac:picMkLst>
        </pc:picChg>
        <pc:picChg chg="del">
          <ac:chgData name="Matias Vázquez Piñón" userId="2f86a967-3c9c-4a39-b538-7e6c0574d83d" providerId="ADAL" clId="{FF34E82E-70A5-47A1-988E-8EC70675C3B6}" dt="2022-08-05T15:13:23.947" v="1152" actId="478"/>
          <ac:picMkLst>
            <pc:docMk/>
            <pc:sldMk cId="640667919" sldId="535"/>
            <ac:picMk id="30" creationId="{B453F5C3-5BB3-6972-294A-E1DE21F0E1BC}"/>
          </ac:picMkLst>
        </pc:picChg>
        <pc:picChg chg="del">
          <ac:chgData name="Matias Vázquez Piñón" userId="2f86a967-3c9c-4a39-b538-7e6c0574d83d" providerId="ADAL" clId="{FF34E82E-70A5-47A1-988E-8EC70675C3B6}" dt="2022-08-05T15:13:23.947" v="1152" actId="478"/>
          <ac:picMkLst>
            <pc:docMk/>
            <pc:sldMk cId="640667919" sldId="535"/>
            <ac:picMk id="42" creationId="{CD5CF6A5-BAFC-71BE-EFF8-4DA1DFF52409}"/>
          </ac:picMkLst>
        </pc:picChg>
        <pc:picChg chg="del">
          <ac:chgData name="Matias Vázquez Piñón" userId="2f86a967-3c9c-4a39-b538-7e6c0574d83d" providerId="ADAL" clId="{FF34E82E-70A5-47A1-988E-8EC70675C3B6}" dt="2022-08-05T15:18:50.414" v="1235" actId="21"/>
          <ac:picMkLst>
            <pc:docMk/>
            <pc:sldMk cId="640667919" sldId="535"/>
            <ac:picMk id="5122" creationId="{3AD6D71D-82C3-E17C-338E-79A800CBA42F}"/>
          </ac:picMkLst>
        </pc:picChg>
        <pc:picChg chg="del">
          <ac:chgData name="Matias Vázquez Piñón" userId="2f86a967-3c9c-4a39-b538-7e6c0574d83d" providerId="ADAL" clId="{FF34E82E-70A5-47A1-988E-8EC70675C3B6}" dt="2022-08-05T15:18:50.414" v="1235" actId="21"/>
          <ac:picMkLst>
            <pc:docMk/>
            <pc:sldMk cId="640667919" sldId="535"/>
            <ac:picMk id="5124" creationId="{3B0A412F-5615-5480-9F44-F59996C563B9}"/>
          </ac:picMkLst>
        </pc:picChg>
        <pc:picChg chg="del">
          <ac:chgData name="Matias Vázquez Piñón" userId="2f86a967-3c9c-4a39-b538-7e6c0574d83d" providerId="ADAL" clId="{FF34E82E-70A5-47A1-988E-8EC70675C3B6}" dt="2022-08-05T15:18:50.414" v="1235" actId="21"/>
          <ac:picMkLst>
            <pc:docMk/>
            <pc:sldMk cId="640667919" sldId="535"/>
            <ac:picMk id="5126" creationId="{4738CEC8-A1FE-E2C5-E11C-6D8A61FFDD39}"/>
          </ac:picMkLst>
        </pc:picChg>
        <pc:inkChg chg="del">
          <ac:chgData name="Matias Vázquez Piñón" userId="2f86a967-3c9c-4a39-b538-7e6c0574d83d" providerId="ADAL" clId="{FF34E82E-70A5-47A1-988E-8EC70675C3B6}" dt="2022-08-05T15:13:23.947" v="1152" actId="478"/>
          <ac:inkMkLst>
            <pc:docMk/>
            <pc:sldMk cId="640667919" sldId="535"/>
            <ac:inkMk id="57" creationId="{BC62C0D2-A2DB-C3E8-13B7-B5F6F9FBCE55}"/>
          </ac:inkMkLst>
        </pc:inkChg>
        <pc:inkChg chg="del">
          <ac:chgData name="Matias Vázquez Piñón" userId="2f86a967-3c9c-4a39-b538-7e6c0574d83d" providerId="ADAL" clId="{FF34E82E-70A5-47A1-988E-8EC70675C3B6}" dt="2022-08-05T15:13:23.947" v="1152" actId="478"/>
          <ac:inkMkLst>
            <pc:docMk/>
            <pc:sldMk cId="640667919" sldId="535"/>
            <ac:inkMk id="67" creationId="{2A5673F1-9E7E-6306-EEA0-52BCCBF6CA36}"/>
          </ac:inkMkLst>
        </pc:inkChg>
        <pc:inkChg chg="del">
          <ac:chgData name="Matias Vázquez Piñón" userId="2f86a967-3c9c-4a39-b538-7e6c0574d83d" providerId="ADAL" clId="{FF34E82E-70A5-47A1-988E-8EC70675C3B6}" dt="2022-08-05T15:13:23.947" v="1152" actId="478"/>
          <ac:inkMkLst>
            <pc:docMk/>
            <pc:sldMk cId="640667919" sldId="535"/>
            <ac:inkMk id="78" creationId="{17B3E037-04D8-2676-136C-31A292079003}"/>
          </ac:inkMkLst>
        </pc:inkChg>
        <pc:inkChg chg="del">
          <ac:chgData name="Matias Vázquez Piñón" userId="2f86a967-3c9c-4a39-b538-7e6c0574d83d" providerId="ADAL" clId="{FF34E82E-70A5-47A1-988E-8EC70675C3B6}" dt="2022-08-05T15:13:23.947" v="1152" actId="478"/>
          <ac:inkMkLst>
            <pc:docMk/>
            <pc:sldMk cId="640667919" sldId="535"/>
            <ac:inkMk id="80" creationId="{2CC3AFB5-4FF6-2755-0A56-30DF26255F06}"/>
          </ac:inkMkLst>
        </pc:inkChg>
        <pc:inkChg chg="del">
          <ac:chgData name="Matias Vázquez Piñón" userId="2f86a967-3c9c-4a39-b538-7e6c0574d83d" providerId="ADAL" clId="{FF34E82E-70A5-47A1-988E-8EC70675C3B6}" dt="2022-08-05T15:13:23.947" v="1152" actId="478"/>
          <ac:inkMkLst>
            <pc:docMk/>
            <pc:sldMk cId="640667919" sldId="535"/>
            <ac:inkMk id="5121" creationId="{4127EAB2-C624-1F6F-A18D-0D88CCB3E677}"/>
          </ac:inkMkLst>
        </pc:inkChg>
        <pc:inkChg chg="del">
          <ac:chgData name="Matias Vázquez Piñón" userId="2f86a967-3c9c-4a39-b538-7e6c0574d83d" providerId="ADAL" clId="{FF34E82E-70A5-47A1-988E-8EC70675C3B6}" dt="2022-08-05T15:13:23.947" v="1152" actId="478"/>
          <ac:inkMkLst>
            <pc:docMk/>
            <pc:sldMk cId="640667919" sldId="535"/>
            <ac:inkMk id="5123" creationId="{A318AB86-FBB9-D4F9-AF5A-7F716CD16D1C}"/>
          </ac:inkMkLst>
        </pc:inkChg>
        <pc:inkChg chg="del">
          <ac:chgData name="Matias Vázquez Piñón" userId="2f86a967-3c9c-4a39-b538-7e6c0574d83d" providerId="ADAL" clId="{FF34E82E-70A5-47A1-988E-8EC70675C3B6}" dt="2022-08-05T15:13:23.947" v="1152" actId="478"/>
          <ac:inkMkLst>
            <pc:docMk/>
            <pc:sldMk cId="640667919" sldId="535"/>
            <ac:inkMk id="5131" creationId="{EACBFAD2-B2D0-F888-434A-D3574AEFAEED}"/>
          </ac:inkMkLst>
        </pc:inkChg>
      </pc:sldChg>
      <pc:sldChg chg="addSp delSp modSp new mod ord modClrScheme chgLayout">
        <pc:chgData name="Matias Vázquez Piñón" userId="2f86a967-3c9c-4a39-b538-7e6c0574d83d" providerId="ADAL" clId="{FF34E82E-70A5-47A1-988E-8EC70675C3B6}" dt="2022-07-22T14:30:48.156" v="945" actId="1076"/>
        <pc:sldMkLst>
          <pc:docMk/>
          <pc:sldMk cId="2153488218" sldId="536"/>
        </pc:sldMkLst>
        <pc:spChg chg="del mod ord">
          <ac:chgData name="Matias Vázquez Piñón" userId="2f86a967-3c9c-4a39-b538-7e6c0574d83d" providerId="ADAL" clId="{FF34E82E-70A5-47A1-988E-8EC70675C3B6}" dt="2022-07-22T14:18:32.995" v="644" actId="700"/>
          <ac:spMkLst>
            <pc:docMk/>
            <pc:sldMk cId="2153488218" sldId="536"/>
            <ac:spMk id="2" creationId="{3E6B603A-F1D3-67D8-9F46-0F3B7372959D}"/>
          </ac:spMkLst>
        </pc:spChg>
        <pc:spChg chg="del">
          <ac:chgData name="Matias Vázquez Piñón" userId="2f86a967-3c9c-4a39-b538-7e6c0574d83d" providerId="ADAL" clId="{FF34E82E-70A5-47A1-988E-8EC70675C3B6}" dt="2022-07-22T14:18:32.995" v="644" actId="700"/>
          <ac:spMkLst>
            <pc:docMk/>
            <pc:sldMk cId="2153488218" sldId="536"/>
            <ac:spMk id="3" creationId="{83AF9CF7-1E33-9F72-7413-AC0D4A755B2F}"/>
          </ac:spMkLst>
        </pc:spChg>
        <pc:spChg chg="del">
          <ac:chgData name="Matias Vázquez Piñón" userId="2f86a967-3c9c-4a39-b538-7e6c0574d83d" providerId="ADAL" clId="{FF34E82E-70A5-47A1-988E-8EC70675C3B6}" dt="2022-07-22T14:18:32.995" v="644" actId="700"/>
          <ac:spMkLst>
            <pc:docMk/>
            <pc:sldMk cId="2153488218" sldId="536"/>
            <ac:spMk id="4" creationId="{2B4F5486-5E09-7984-4F28-487013783ABC}"/>
          </ac:spMkLst>
        </pc:spChg>
        <pc:spChg chg="del">
          <ac:chgData name="Matias Vázquez Piñón" userId="2f86a967-3c9c-4a39-b538-7e6c0574d83d" providerId="ADAL" clId="{FF34E82E-70A5-47A1-988E-8EC70675C3B6}" dt="2022-07-22T14:18:32.995" v="644" actId="700"/>
          <ac:spMkLst>
            <pc:docMk/>
            <pc:sldMk cId="2153488218" sldId="536"/>
            <ac:spMk id="5" creationId="{26DECBF5-CA16-25F8-05AF-115E084780EE}"/>
          </ac:spMkLst>
        </pc:spChg>
        <pc:spChg chg="mod ord">
          <ac:chgData name="Matias Vázquez Piñón" userId="2f86a967-3c9c-4a39-b538-7e6c0574d83d" providerId="ADAL" clId="{FF34E82E-70A5-47A1-988E-8EC70675C3B6}" dt="2022-07-22T14:22:25.108" v="696" actId="26606"/>
          <ac:spMkLst>
            <pc:docMk/>
            <pc:sldMk cId="2153488218" sldId="536"/>
            <ac:spMk id="6" creationId="{4D014773-157B-98D7-A880-757C5C819654}"/>
          </ac:spMkLst>
        </pc:spChg>
        <pc:spChg chg="add del mod ord">
          <ac:chgData name="Matias Vázquez Piñón" userId="2f86a967-3c9c-4a39-b538-7e6c0574d83d" providerId="ADAL" clId="{FF34E82E-70A5-47A1-988E-8EC70675C3B6}" dt="2022-07-22T14:22:17.317" v="694" actId="26606"/>
          <ac:spMkLst>
            <pc:docMk/>
            <pc:sldMk cId="2153488218" sldId="536"/>
            <ac:spMk id="7" creationId="{C7DCD047-8988-ED30-824D-19AC3777C5BD}"/>
          </ac:spMkLst>
        </pc:spChg>
        <pc:spChg chg="add del mod">
          <ac:chgData name="Matias Vázquez Piñón" userId="2f86a967-3c9c-4a39-b538-7e6c0574d83d" providerId="ADAL" clId="{FF34E82E-70A5-47A1-988E-8EC70675C3B6}" dt="2022-07-22T14:26:51.336" v="718" actId="478"/>
          <ac:spMkLst>
            <pc:docMk/>
            <pc:sldMk cId="2153488218" sldId="536"/>
            <ac:spMk id="8" creationId="{C227F462-AF5C-1597-572D-F03A8D4D676D}"/>
          </ac:spMkLst>
        </pc:spChg>
        <pc:spChg chg="add del mod">
          <ac:chgData name="Matias Vázquez Piñón" userId="2f86a967-3c9c-4a39-b538-7e6c0574d83d" providerId="ADAL" clId="{FF34E82E-70A5-47A1-988E-8EC70675C3B6}" dt="2022-07-22T14:30:48.156" v="945" actId="1076"/>
          <ac:spMkLst>
            <pc:docMk/>
            <pc:sldMk cId="2153488218" sldId="536"/>
            <ac:spMk id="15" creationId="{0D91AA37-D9B4-2074-F91A-F6EDCB5BFD2D}"/>
          </ac:spMkLst>
        </pc:spChg>
        <pc:spChg chg="add del mod">
          <ac:chgData name="Matias Vázquez Piñón" userId="2f86a967-3c9c-4a39-b538-7e6c0574d83d" providerId="ADAL" clId="{FF34E82E-70A5-47A1-988E-8EC70675C3B6}" dt="2022-07-22T14:30:48.156" v="945" actId="1076"/>
          <ac:spMkLst>
            <pc:docMk/>
            <pc:sldMk cId="2153488218" sldId="536"/>
            <ac:spMk id="16" creationId="{5B63E44A-0EBF-64B1-0DF0-3B64A9FCB2D2}"/>
          </ac:spMkLst>
        </pc:spChg>
        <pc:spChg chg="add mod">
          <ac:chgData name="Matias Vázquez Piñón" userId="2f86a967-3c9c-4a39-b538-7e6c0574d83d" providerId="ADAL" clId="{FF34E82E-70A5-47A1-988E-8EC70675C3B6}" dt="2022-07-22T14:30:48.156" v="945" actId="1076"/>
          <ac:spMkLst>
            <pc:docMk/>
            <pc:sldMk cId="2153488218" sldId="536"/>
            <ac:spMk id="17" creationId="{87F28186-F672-9D29-C435-30D4CA12E20C}"/>
          </ac:spMkLst>
        </pc:spChg>
        <pc:spChg chg="add mod">
          <ac:chgData name="Matias Vázquez Piñón" userId="2f86a967-3c9c-4a39-b538-7e6c0574d83d" providerId="ADAL" clId="{FF34E82E-70A5-47A1-988E-8EC70675C3B6}" dt="2022-07-22T14:30:48.156" v="945" actId="1076"/>
          <ac:spMkLst>
            <pc:docMk/>
            <pc:sldMk cId="2153488218" sldId="536"/>
            <ac:spMk id="18" creationId="{6F234AEA-808B-887B-99FB-F8F39058672C}"/>
          </ac:spMkLst>
        </pc:spChg>
        <pc:spChg chg="add mod">
          <ac:chgData name="Matias Vázquez Piñón" userId="2f86a967-3c9c-4a39-b538-7e6c0574d83d" providerId="ADAL" clId="{FF34E82E-70A5-47A1-988E-8EC70675C3B6}" dt="2022-07-22T14:30:48.156" v="945" actId="1076"/>
          <ac:spMkLst>
            <pc:docMk/>
            <pc:sldMk cId="2153488218" sldId="536"/>
            <ac:spMk id="19" creationId="{5AF256FB-0E92-D2A1-F8BC-402245104B37}"/>
          </ac:spMkLst>
        </pc:spChg>
        <pc:spChg chg="add mod">
          <ac:chgData name="Matias Vázquez Piñón" userId="2f86a967-3c9c-4a39-b538-7e6c0574d83d" providerId="ADAL" clId="{FF34E82E-70A5-47A1-988E-8EC70675C3B6}" dt="2022-07-22T14:30:48.156" v="945" actId="1076"/>
          <ac:spMkLst>
            <pc:docMk/>
            <pc:sldMk cId="2153488218" sldId="536"/>
            <ac:spMk id="20" creationId="{16E32780-CD66-CC24-1D78-02F1B790E30B}"/>
          </ac:spMkLst>
        </pc:spChg>
        <pc:spChg chg="add mod">
          <ac:chgData name="Matias Vázquez Piñón" userId="2f86a967-3c9c-4a39-b538-7e6c0574d83d" providerId="ADAL" clId="{FF34E82E-70A5-47A1-988E-8EC70675C3B6}" dt="2022-07-22T14:30:48.156" v="945" actId="1076"/>
          <ac:spMkLst>
            <pc:docMk/>
            <pc:sldMk cId="2153488218" sldId="536"/>
            <ac:spMk id="21" creationId="{810BCD92-FD62-FD03-F4A7-8944A9B0A9DA}"/>
          </ac:spMkLst>
        </pc:spChg>
        <pc:spChg chg="add mod">
          <ac:chgData name="Matias Vázquez Piñón" userId="2f86a967-3c9c-4a39-b538-7e6c0574d83d" providerId="ADAL" clId="{FF34E82E-70A5-47A1-988E-8EC70675C3B6}" dt="2022-07-22T14:30:48.156" v="945" actId="1076"/>
          <ac:spMkLst>
            <pc:docMk/>
            <pc:sldMk cId="2153488218" sldId="536"/>
            <ac:spMk id="22" creationId="{099A715C-3E57-F7BE-24C4-791B879A31B7}"/>
          </ac:spMkLst>
        </pc:spChg>
        <pc:spChg chg="add mod">
          <ac:chgData name="Matias Vázquez Piñón" userId="2f86a967-3c9c-4a39-b538-7e6c0574d83d" providerId="ADAL" clId="{FF34E82E-70A5-47A1-988E-8EC70675C3B6}" dt="2022-07-22T14:30:48.156" v="945" actId="1076"/>
          <ac:spMkLst>
            <pc:docMk/>
            <pc:sldMk cId="2153488218" sldId="536"/>
            <ac:spMk id="23" creationId="{763A70EE-2936-7406-5588-C57B457AF01B}"/>
          </ac:spMkLst>
        </pc:spChg>
        <pc:spChg chg="add mod">
          <ac:chgData name="Matias Vázquez Piñón" userId="2f86a967-3c9c-4a39-b538-7e6c0574d83d" providerId="ADAL" clId="{FF34E82E-70A5-47A1-988E-8EC70675C3B6}" dt="2022-07-22T14:30:48.156" v="945" actId="1076"/>
          <ac:spMkLst>
            <pc:docMk/>
            <pc:sldMk cId="2153488218" sldId="536"/>
            <ac:spMk id="24" creationId="{242323FD-B123-6656-2BA1-D07B8CDCF16A}"/>
          </ac:spMkLst>
        </pc:spChg>
        <pc:spChg chg="add mod">
          <ac:chgData name="Matias Vázquez Piñón" userId="2f86a967-3c9c-4a39-b538-7e6c0574d83d" providerId="ADAL" clId="{FF34E82E-70A5-47A1-988E-8EC70675C3B6}" dt="2022-07-22T14:30:48.156" v="945" actId="1076"/>
          <ac:spMkLst>
            <pc:docMk/>
            <pc:sldMk cId="2153488218" sldId="536"/>
            <ac:spMk id="25" creationId="{2029AE5C-874B-A74B-EC3C-4ED0DF18FE0B}"/>
          </ac:spMkLst>
        </pc:spChg>
        <pc:spChg chg="add del mod">
          <ac:chgData name="Matias Vázquez Piñón" userId="2f86a967-3c9c-4a39-b538-7e6c0574d83d" providerId="ADAL" clId="{FF34E82E-70A5-47A1-988E-8EC70675C3B6}" dt="2022-07-22T14:22:25.108" v="696" actId="26606"/>
          <ac:spMkLst>
            <pc:docMk/>
            <pc:sldMk cId="2153488218" sldId="536"/>
            <ac:spMk id="1031" creationId="{F71BEEFC-2A9D-D91B-6BD3-2064DF9C2E6B}"/>
          </ac:spMkLst>
        </pc:spChg>
        <pc:spChg chg="add del mod">
          <ac:chgData name="Matias Vázquez Piñón" userId="2f86a967-3c9c-4a39-b538-7e6c0574d83d" providerId="ADAL" clId="{FF34E82E-70A5-47A1-988E-8EC70675C3B6}" dt="2022-07-22T14:22:25.108" v="696" actId="26606"/>
          <ac:spMkLst>
            <pc:docMk/>
            <pc:sldMk cId="2153488218" sldId="536"/>
            <ac:spMk id="1033" creationId="{691B58D4-4D30-7989-20E8-345C8C8B8AFA}"/>
          </ac:spMkLst>
        </pc:spChg>
        <pc:spChg chg="add mod">
          <ac:chgData name="Matias Vázquez Piñón" userId="2f86a967-3c9c-4a39-b538-7e6c0574d83d" providerId="ADAL" clId="{FF34E82E-70A5-47A1-988E-8EC70675C3B6}" dt="2022-07-22T14:22:25.108" v="696" actId="26606"/>
          <ac:spMkLst>
            <pc:docMk/>
            <pc:sldMk cId="2153488218" sldId="536"/>
            <ac:spMk id="1038" creationId="{4FDAE89D-CEAF-2858-6F05-DF3F0AFBBC9E}"/>
          </ac:spMkLst>
        </pc:spChg>
        <pc:picChg chg="add mod">
          <ac:chgData name="Matias Vázquez Piñón" userId="2f86a967-3c9c-4a39-b538-7e6c0574d83d" providerId="ADAL" clId="{FF34E82E-70A5-47A1-988E-8EC70675C3B6}" dt="2022-07-22T14:24:39.037" v="705" actId="1076"/>
          <ac:picMkLst>
            <pc:docMk/>
            <pc:sldMk cId="2153488218" sldId="536"/>
            <ac:picMk id="1026" creationId="{606DC818-EBF7-D2DF-8D1D-D7EC640CBDA0}"/>
          </ac:picMkLst>
        </pc:picChg>
        <pc:picChg chg="add mod">
          <ac:chgData name="Matias Vázquez Piñón" userId="2f86a967-3c9c-4a39-b538-7e6c0574d83d" providerId="ADAL" clId="{FF34E82E-70A5-47A1-988E-8EC70675C3B6}" dt="2022-07-22T14:24:42.743" v="706" actId="14100"/>
          <ac:picMkLst>
            <pc:docMk/>
            <pc:sldMk cId="2153488218" sldId="536"/>
            <ac:picMk id="1028" creationId="{79952F8E-2D84-C318-D608-B3CBD48829AA}"/>
          </ac:picMkLst>
        </pc:picChg>
      </pc:sldChg>
      <pc:sldChg chg="delSp modSp add mod">
        <pc:chgData name="Matias Vázquez Piñón" userId="2f86a967-3c9c-4a39-b538-7e6c0574d83d" providerId="ADAL" clId="{FF34E82E-70A5-47A1-988E-8EC70675C3B6}" dt="2022-07-22T14:31:35.209" v="1000" actId="20577"/>
        <pc:sldMkLst>
          <pc:docMk/>
          <pc:sldMk cId="754866789" sldId="537"/>
        </pc:sldMkLst>
        <pc:spChg chg="mod">
          <ac:chgData name="Matias Vázquez Piñón" userId="2f86a967-3c9c-4a39-b538-7e6c0574d83d" providerId="ADAL" clId="{FF34E82E-70A5-47A1-988E-8EC70675C3B6}" dt="2022-07-22T14:31:08.934" v="950" actId="1076"/>
          <ac:spMkLst>
            <pc:docMk/>
            <pc:sldMk cId="754866789" sldId="537"/>
            <ac:spMk id="15" creationId="{0D91AA37-D9B4-2074-F91A-F6EDCB5BFD2D}"/>
          </ac:spMkLst>
        </pc:spChg>
        <pc:spChg chg="mod">
          <ac:chgData name="Matias Vázquez Piñón" userId="2f86a967-3c9c-4a39-b538-7e6c0574d83d" providerId="ADAL" clId="{FF34E82E-70A5-47A1-988E-8EC70675C3B6}" dt="2022-07-22T14:31:08.934" v="950" actId="1076"/>
          <ac:spMkLst>
            <pc:docMk/>
            <pc:sldMk cId="754866789" sldId="537"/>
            <ac:spMk id="16" creationId="{5B63E44A-0EBF-64B1-0DF0-3B64A9FCB2D2}"/>
          </ac:spMkLst>
        </pc:spChg>
        <pc:spChg chg="mod">
          <ac:chgData name="Matias Vázquez Piñón" userId="2f86a967-3c9c-4a39-b538-7e6c0574d83d" providerId="ADAL" clId="{FF34E82E-70A5-47A1-988E-8EC70675C3B6}" dt="2022-07-22T14:31:08.934" v="950" actId="1076"/>
          <ac:spMkLst>
            <pc:docMk/>
            <pc:sldMk cId="754866789" sldId="537"/>
            <ac:spMk id="17" creationId="{87F28186-F672-9D29-C435-30D4CA12E20C}"/>
          </ac:spMkLst>
        </pc:spChg>
        <pc:spChg chg="mod">
          <ac:chgData name="Matias Vázquez Piñón" userId="2f86a967-3c9c-4a39-b538-7e6c0574d83d" providerId="ADAL" clId="{FF34E82E-70A5-47A1-988E-8EC70675C3B6}" dt="2022-07-22T14:31:08.934" v="950" actId="1076"/>
          <ac:spMkLst>
            <pc:docMk/>
            <pc:sldMk cId="754866789" sldId="537"/>
            <ac:spMk id="18" creationId="{6F234AEA-808B-887B-99FB-F8F39058672C}"/>
          </ac:spMkLst>
        </pc:spChg>
        <pc:spChg chg="mod">
          <ac:chgData name="Matias Vázquez Piñón" userId="2f86a967-3c9c-4a39-b538-7e6c0574d83d" providerId="ADAL" clId="{FF34E82E-70A5-47A1-988E-8EC70675C3B6}" dt="2022-07-22T14:31:08.934" v="950" actId="1076"/>
          <ac:spMkLst>
            <pc:docMk/>
            <pc:sldMk cId="754866789" sldId="537"/>
            <ac:spMk id="19" creationId="{5AF256FB-0E92-D2A1-F8BC-402245104B37}"/>
          </ac:spMkLst>
        </pc:spChg>
        <pc:spChg chg="mod">
          <ac:chgData name="Matias Vázquez Piñón" userId="2f86a967-3c9c-4a39-b538-7e6c0574d83d" providerId="ADAL" clId="{FF34E82E-70A5-47A1-988E-8EC70675C3B6}" dt="2022-07-22T14:31:08.934" v="950" actId="1076"/>
          <ac:spMkLst>
            <pc:docMk/>
            <pc:sldMk cId="754866789" sldId="537"/>
            <ac:spMk id="20" creationId="{16E32780-CD66-CC24-1D78-02F1B790E30B}"/>
          </ac:spMkLst>
        </pc:spChg>
        <pc:spChg chg="mod">
          <ac:chgData name="Matias Vázquez Piñón" userId="2f86a967-3c9c-4a39-b538-7e6c0574d83d" providerId="ADAL" clId="{FF34E82E-70A5-47A1-988E-8EC70675C3B6}" dt="2022-07-22T14:31:08.934" v="950" actId="1076"/>
          <ac:spMkLst>
            <pc:docMk/>
            <pc:sldMk cId="754866789" sldId="537"/>
            <ac:spMk id="21" creationId="{810BCD92-FD62-FD03-F4A7-8944A9B0A9DA}"/>
          </ac:spMkLst>
        </pc:spChg>
        <pc:spChg chg="mod">
          <ac:chgData name="Matias Vázquez Piñón" userId="2f86a967-3c9c-4a39-b538-7e6c0574d83d" providerId="ADAL" clId="{FF34E82E-70A5-47A1-988E-8EC70675C3B6}" dt="2022-07-22T14:31:08.934" v="950" actId="1076"/>
          <ac:spMkLst>
            <pc:docMk/>
            <pc:sldMk cId="754866789" sldId="537"/>
            <ac:spMk id="22" creationId="{099A715C-3E57-F7BE-24C4-791B879A31B7}"/>
          </ac:spMkLst>
        </pc:spChg>
        <pc:spChg chg="mod">
          <ac:chgData name="Matias Vázquez Piñón" userId="2f86a967-3c9c-4a39-b538-7e6c0574d83d" providerId="ADAL" clId="{FF34E82E-70A5-47A1-988E-8EC70675C3B6}" dt="2022-07-22T14:31:08.934" v="950" actId="1076"/>
          <ac:spMkLst>
            <pc:docMk/>
            <pc:sldMk cId="754866789" sldId="537"/>
            <ac:spMk id="23" creationId="{763A70EE-2936-7406-5588-C57B457AF01B}"/>
          </ac:spMkLst>
        </pc:spChg>
        <pc:spChg chg="mod">
          <ac:chgData name="Matias Vázquez Piñón" userId="2f86a967-3c9c-4a39-b538-7e6c0574d83d" providerId="ADAL" clId="{FF34E82E-70A5-47A1-988E-8EC70675C3B6}" dt="2022-07-22T14:31:08.934" v="950" actId="1076"/>
          <ac:spMkLst>
            <pc:docMk/>
            <pc:sldMk cId="754866789" sldId="537"/>
            <ac:spMk id="24" creationId="{242323FD-B123-6656-2BA1-D07B8CDCF16A}"/>
          </ac:spMkLst>
        </pc:spChg>
        <pc:spChg chg="mod">
          <ac:chgData name="Matias Vázquez Piñón" userId="2f86a967-3c9c-4a39-b538-7e6c0574d83d" providerId="ADAL" clId="{FF34E82E-70A5-47A1-988E-8EC70675C3B6}" dt="2022-07-22T14:31:08.934" v="950" actId="1076"/>
          <ac:spMkLst>
            <pc:docMk/>
            <pc:sldMk cId="754866789" sldId="537"/>
            <ac:spMk id="25" creationId="{2029AE5C-874B-A74B-EC3C-4ED0DF18FE0B}"/>
          </ac:spMkLst>
        </pc:spChg>
        <pc:spChg chg="mod">
          <ac:chgData name="Matias Vázquez Piñón" userId="2f86a967-3c9c-4a39-b538-7e6c0574d83d" providerId="ADAL" clId="{FF34E82E-70A5-47A1-988E-8EC70675C3B6}" dt="2022-07-22T14:31:35.209" v="1000" actId="20577"/>
          <ac:spMkLst>
            <pc:docMk/>
            <pc:sldMk cId="754866789" sldId="537"/>
            <ac:spMk id="1038" creationId="{4FDAE89D-CEAF-2858-6F05-DF3F0AFBBC9E}"/>
          </ac:spMkLst>
        </pc:spChg>
        <pc:picChg chg="del">
          <ac:chgData name="Matias Vázquez Piñón" userId="2f86a967-3c9c-4a39-b538-7e6c0574d83d" providerId="ADAL" clId="{FF34E82E-70A5-47A1-988E-8EC70675C3B6}" dt="2022-07-22T14:30:54.671" v="947" actId="478"/>
          <ac:picMkLst>
            <pc:docMk/>
            <pc:sldMk cId="754866789" sldId="537"/>
            <ac:picMk id="1026" creationId="{606DC818-EBF7-D2DF-8D1D-D7EC640CBDA0}"/>
          </ac:picMkLst>
        </pc:picChg>
        <pc:picChg chg="del">
          <ac:chgData name="Matias Vázquez Piñón" userId="2f86a967-3c9c-4a39-b538-7e6c0574d83d" providerId="ADAL" clId="{FF34E82E-70A5-47A1-988E-8EC70675C3B6}" dt="2022-07-22T14:30:54.952" v="948" actId="478"/>
          <ac:picMkLst>
            <pc:docMk/>
            <pc:sldMk cId="754866789" sldId="537"/>
            <ac:picMk id="1028" creationId="{79952F8E-2D84-C318-D608-B3CBD48829AA}"/>
          </ac:picMkLst>
        </pc:picChg>
      </pc:sldChg>
      <pc:sldChg chg="addSp delSp modSp new mod modClrScheme chgLayout">
        <pc:chgData name="Matias Vázquez Piñón" userId="2f86a967-3c9c-4a39-b538-7e6c0574d83d" providerId="ADAL" clId="{FF34E82E-70A5-47A1-988E-8EC70675C3B6}" dt="2022-07-22T14:35:41.765" v="1014" actId="1076"/>
        <pc:sldMkLst>
          <pc:docMk/>
          <pc:sldMk cId="4226218155" sldId="538"/>
        </pc:sldMkLst>
        <pc:spChg chg="del mod ord">
          <ac:chgData name="Matias Vázquez Piñón" userId="2f86a967-3c9c-4a39-b538-7e6c0574d83d" providerId="ADAL" clId="{FF34E82E-70A5-47A1-988E-8EC70675C3B6}" dt="2022-07-22T14:34:32.037" v="1002" actId="700"/>
          <ac:spMkLst>
            <pc:docMk/>
            <pc:sldMk cId="4226218155" sldId="538"/>
            <ac:spMk id="2" creationId="{F1756CF4-B032-B20A-A261-B15286A96807}"/>
          </ac:spMkLst>
        </pc:spChg>
        <pc:spChg chg="del mod ord">
          <ac:chgData name="Matias Vázquez Piñón" userId="2f86a967-3c9c-4a39-b538-7e6c0574d83d" providerId="ADAL" clId="{FF34E82E-70A5-47A1-988E-8EC70675C3B6}" dt="2022-07-22T14:34:32.037" v="1002" actId="700"/>
          <ac:spMkLst>
            <pc:docMk/>
            <pc:sldMk cId="4226218155" sldId="538"/>
            <ac:spMk id="3" creationId="{2B483754-3180-81B4-9BB3-1CFC741518D4}"/>
          </ac:spMkLst>
        </pc:spChg>
        <pc:spChg chg="del">
          <ac:chgData name="Matias Vázquez Piñón" userId="2f86a967-3c9c-4a39-b538-7e6c0574d83d" providerId="ADAL" clId="{FF34E82E-70A5-47A1-988E-8EC70675C3B6}" dt="2022-07-22T14:34:32.037" v="1002" actId="700"/>
          <ac:spMkLst>
            <pc:docMk/>
            <pc:sldMk cId="4226218155" sldId="538"/>
            <ac:spMk id="4" creationId="{B533A509-965D-7658-CC04-5F492A1D30A7}"/>
          </ac:spMkLst>
        </pc:spChg>
        <pc:spChg chg="mod ord">
          <ac:chgData name="Matias Vázquez Piñón" userId="2f86a967-3c9c-4a39-b538-7e6c0574d83d" providerId="ADAL" clId="{FF34E82E-70A5-47A1-988E-8EC70675C3B6}" dt="2022-07-22T14:34:32.037" v="1002" actId="700"/>
          <ac:spMkLst>
            <pc:docMk/>
            <pc:sldMk cId="4226218155" sldId="538"/>
            <ac:spMk id="5" creationId="{750B03AD-9235-2D49-AF8A-3A4C8035F16D}"/>
          </ac:spMkLst>
        </pc:spChg>
        <pc:spChg chg="add mod ord">
          <ac:chgData name="Matias Vázquez Piñón" userId="2f86a967-3c9c-4a39-b538-7e6c0574d83d" providerId="ADAL" clId="{FF34E82E-70A5-47A1-988E-8EC70675C3B6}" dt="2022-07-22T14:34:40.448" v="1013" actId="20577"/>
          <ac:spMkLst>
            <pc:docMk/>
            <pc:sldMk cId="4226218155" sldId="538"/>
            <ac:spMk id="6" creationId="{F92C651B-B548-3630-9D86-93EE251C038D}"/>
          </ac:spMkLst>
        </pc:spChg>
        <pc:spChg chg="add del mod ord">
          <ac:chgData name="Matias Vázquez Piñón" userId="2f86a967-3c9c-4a39-b538-7e6c0574d83d" providerId="ADAL" clId="{FF34E82E-70A5-47A1-988E-8EC70675C3B6}" dt="2022-07-22T14:34:34.056" v="1003" actId="22"/>
          <ac:spMkLst>
            <pc:docMk/>
            <pc:sldMk cId="4226218155" sldId="538"/>
            <ac:spMk id="7" creationId="{E7143B45-2C46-C005-8D1E-05CA187F90D1}"/>
          </ac:spMkLst>
        </pc:spChg>
        <pc:picChg chg="add mod ord">
          <ac:chgData name="Matias Vázquez Piñón" userId="2f86a967-3c9c-4a39-b538-7e6c0574d83d" providerId="ADAL" clId="{FF34E82E-70A5-47A1-988E-8EC70675C3B6}" dt="2022-07-22T14:35:41.765" v="1014" actId="1076"/>
          <ac:picMkLst>
            <pc:docMk/>
            <pc:sldMk cId="4226218155" sldId="538"/>
            <ac:picMk id="9" creationId="{603EEBD5-F9EF-3C76-AC8A-5421FFDEE179}"/>
          </ac:picMkLst>
        </pc:picChg>
      </pc:sldChg>
      <pc:sldChg chg="add del">
        <pc:chgData name="Matias Vázquez Piñón" userId="2f86a967-3c9c-4a39-b538-7e6c0574d83d" providerId="ADAL" clId="{FF34E82E-70A5-47A1-988E-8EC70675C3B6}" dt="2022-07-22T14:42:59.604" v="1029"/>
        <pc:sldMkLst>
          <pc:docMk/>
          <pc:sldMk cId="1383716404" sldId="539"/>
        </pc:sldMkLst>
      </pc:sldChg>
      <pc:sldChg chg="modSp mod">
        <pc:chgData name="Matias Vázquez Piñón" userId="2f86a967-3c9c-4a39-b538-7e6c0574d83d" providerId="ADAL" clId="{FF34E82E-70A5-47A1-988E-8EC70675C3B6}" dt="2022-08-09T13:27:28.034" v="1778" actId="20577"/>
        <pc:sldMkLst>
          <pc:docMk/>
          <pc:sldMk cId="2934031965" sldId="540"/>
        </pc:sldMkLst>
        <pc:spChg chg="mod">
          <ac:chgData name="Matias Vázquez Piñón" userId="2f86a967-3c9c-4a39-b538-7e6c0574d83d" providerId="ADAL" clId="{FF34E82E-70A5-47A1-988E-8EC70675C3B6}" dt="2022-08-09T13:27:28.034" v="1778" actId="20577"/>
          <ac:spMkLst>
            <pc:docMk/>
            <pc:sldMk cId="2934031965" sldId="540"/>
            <ac:spMk id="2" creationId="{F9CF3D80-5F75-D803-E05E-8CDE57CA76BB}"/>
          </ac:spMkLst>
        </pc:spChg>
      </pc:sldChg>
      <pc:sldChg chg="addSp modSp mod">
        <pc:chgData name="Matias Vázquez Piñón" userId="2f86a967-3c9c-4a39-b538-7e6c0574d83d" providerId="ADAL" clId="{FF34E82E-70A5-47A1-988E-8EC70675C3B6}" dt="2022-08-09T13:27:33.683" v="1779" actId="20577"/>
        <pc:sldMkLst>
          <pc:docMk/>
          <pc:sldMk cId="4226045691" sldId="541"/>
        </pc:sldMkLst>
        <pc:spChg chg="mod">
          <ac:chgData name="Matias Vázquez Piñón" userId="2f86a967-3c9c-4a39-b538-7e6c0574d83d" providerId="ADAL" clId="{FF34E82E-70A5-47A1-988E-8EC70675C3B6}" dt="2022-08-09T13:27:33.683" v="1779" actId="20577"/>
          <ac:spMkLst>
            <pc:docMk/>
            <pc:sldMk cId="4226045691" sldId="541"/>
            <ac:spMk id="2" creationId="{CCD79A13-316E-3078-7919-361861F6F2EF}"/>
          </ac:spMkLst>
        </pc:spChg>
        <pc:spChg chg="add mod">
          <ac:chgData name="Matias Vázquez Piñón" userId="2f86a967-3c9c-4a39-b538-7e6c0574d83d" providerId="ADAL" clId="{FF34E82E-70A5-47A1-988E-8EC70675C3B6}" dt="2022-08-09T11:53:58.901" v="1295"/>
          <ac:spMkLst>
            <pc:docMk/>
            <pc:sldMk cId="4226045691" sldId="541"/>
            <ac:spMk id="9" creationId="{F51E9C73-899E-861C-B0D2-7104F5C8017B}"/>
          </ac:spMkLst>
        </pc:spChg>
        <pc:spChg chg="add mod">
          <ac:chgData name="Matias Vázquez Piñón" userId="2f86a967-3c9c-4a39-b538-7e6c0574d83d" providerId="ADAL" clId="{FF34E82E-70A5-47A1-988E-8EC70675C3B6}" dt="2022-08-09T11:54:20.771" v="1342" actId="20577"/>
          <ac:spMkLst>
            <pc:docMk/>
            <pc:sldMk cId="4226045691" sldId="541"/>
            <ac:spMk id="10" creationId="{FF4F26DF-6107-B4DC-9A76-A035FE1DA66C}"/>
          </ac:spMkLst>
        </pc:spChg>
        <pc:grpChg chg="add mod">
          <ac:chgData name="Matias Vázquez Piñón" userId="2f86a967-3c9c-4a39-b538-7e6c0574d83d" providerId="ADAL" clId="{FF34E82E-70A5-47A1-988E-8EC70675C3B6}" dt="2022-08-09T11:54:06.981" v="1297" actId="14100"/>
          <ac:grpSpMkLst>
            <pc:docMk/>
            <pc:sldMk cId="4226045691" sldId="541"/>
            <ac:grpSpMk id="8" creationId="{E62E2851-0FEB-FD0A-278C-21E4E3866A5A}"/>
          </ac:grpSpMkLst>
        </pc:grpChg>
        <pc:graphicFrameChg chg="mod">
          <ac:chgData name="Matias Vázquez Piñón" userId="2f86a967-3c9c-4a39-b538-7e6c0574d83d" providerId="ADAL" clId="{FF34E82E-70A5-47A1-988E-8EC70675C3B6}" dt="2022-08-09T11:53:56.296" v="1294"/>
          <ac:graphicFrameMkLst>
            <pc:docMk/>
            <pc:sldMk cId="4226045691" sldId="541"/>
            <ac:graphicFrameMk id="5" creationId="{9E1F372B-7FBE-F013-CF4A-DC33DC1521A4}"/>
          </ac:graphicFrameMkLst>
        </pc:graphicFrameChg>
      </pc:sldChg>
      <pc:sldChg chg="addSp delSp modSp new mod modClrScheme chgLayout">
        <pc:chgData name="Matias Vázquez Piñón" userId="2f86a967-3c9c-4a39-b538-7e6c0574d83d" providerId="ADAL" clId="{FF34E82E-70A5-47A1-988E-8EC70675C3B6}" dt="2022-08-05T15:13:00.161" v="1150" actId="1076"/>
        <pc:sldMkLst>
          <pc:docMk/>
          <pc:sldMk cId="2217868022" sldId="546"/>
        </pc:sldMkLst>
        <pc:spChg chg="add del mod ord">
          <ac:chgData name="Matias Vázquez Piñón" userId="2f86a967-3c9c-4a39-b538-7e6c0574d83d" providerId="ADAL" clId="{FF34E82E-70A5-47A1-988E-8EC70675C3B6}" dt="2022-08-05T15:10:59.703" v="1120" actId="700"/>
          <ac:spMkLst>
            <pc:docMk/>
            <pc:sldMk cId="2217868022" sldId="546"/>
            <ac:spMk id="2" creationId="{457E67B3-23E9-E116-2013-F98499EA989D}"/>
          </ac:spMkLst>
        </pc:spChg>
        <pc:spChg chg="del mod ord">
          <ac:chgData name="Matias Vázquez Piñón" userId="2f86a967-3c9c-4a39-b538-7e6c0574d83d" providerId="ADAL" clId="{FF34E82E-70A5-47A1-988E-8EC70675C3B6}" dt="2022-08-03T15:12:13.039" v="1063" actId="700"/>
          <ac:spMkLst>
            <pc:docMk/>
            <pc:sldMk cId="2217868022" sldId="546"/>
            <ac:spMk id="2" creationId="{DBC0CAA9-1530-DE04-69C1-92CDDCD62EB0}"/>
          </ac:spMkLst>
        </pc:spChg>
        <pc:spChg chg="del">
          <ac:chgData name="Matias Vázquez Piñón" userId="2f86a967-3c9c-4a39-b538-7e6c0574d83d" providerId="ADAL" clId="{FF34E82E-70A5-47A1-988E-8EC70675C3B6}" dt="2022-08-03T15:11:59.567" v="1061"/>
          <ac:spMkLst>
            <pc:docMk/>
            <pc:sldMk cId="2217868022" sldId="546"/>
            <ac:spMk id="3" creationId="{146692BB-9688-E5AA-BF49-6BD5C9601CC7}"/>
          </ac:spMkLst>
        </pc:spChg>
        <pc:spChg chg="add del mod ord">
          <ac:chgData name="Matias Vázquez Piñón" userId="2f86a967-3c9c-4a39-b538-7e6c0574d83d" providerId="ADAL" clId="{FF34E82E-70A5-47A1-988E-8EC70675C3B6}" dt="2022-08-05T15:10:59.703" v="1120" actId="700"/>
          <ac:spMkLst>
            <pc:docMk/>
            <pc:sldMk cId="2217868022" sldId="546"/>
            <ac:spMk id="3" creationId="{9301DAE0-C44C-EEA1-E4D0-353BC2201894}"/>
          </ac:spMkLst>
        </pc:spChg>
        <pc:spChg chg="del">
          <ac:chgData name="Matias Vázquez Piñón" userId="2f86a967-3c9c-4a39-b538-7e6c0574d83d" providerId="ADAL" clId="{FF34E82E-70A5-47A1-988E-8EC70675C3B6}" dt="2022-08-03T15:12:13.039" v="1063" actId="700"/>
          <ac:spMkLst>
            <pc:docMk/>
            <pc:sldMk cId="2217868022" sldId="546"/>
            <ac:spMk id="4" creationId="{B5A970D4-2263-BC12-C3DA-927EAF9AB05B}"/>
          </ac:spMkLst>
        </pc:spChg>
        <pc:spChg chg="mod ord">
          <ac:chgData name="Matias Vázquez Piñón" userId="2f86a967-3c9c-4a39-b538-7e6c0574d83d" providerId="ADAL" clId="{FF34E82E-70A5-47A1-988E-8EC70675C3B6}" dt="2022-08-05T15:11:10.365" v="1123" actId="700"/>
          <ac:spMkLst>
            <pc:docMk/>
            <pc:sldMk cId="2217868022" sldId="546"/>
            <ac:spMk id="5" creationId="{396C9030-6FBC-057F-3CCE-8C54FA97E616}"/>
          </ac:spMkLst>
        </pc:spChg>
        <pc:spChg chg="add del mod ord">
          <ac:chgData name="Matias Vázquez Piñón" userId="2f86a967-3c9c-4a39-b538-7e6c0574d83d" providerId="ADAL" clId="{FF34E82E-70A5-47A1-988E-8EC70675C3B6}" dt="2022-08-05T15:11:10.365" v="1123" actId="700"/>
          <ac:spMkLst>
            <pc:docMk/>
            <pc:sldMk cId="2217868022" sldId="546"/>
            <ac:spMk id="6" creationId="{A898F721-CA88-BB9C-CDBA-294456EE640D}"/>
          </ac:spMkLst>
        </pc:spChg>
        <pc:spChg chg="add mod ord">
          <ac:chgData name="Matias Vázquez Piñón" userId="2f86a967-3c9c-4a39-b538-7e6c0574d83d" providerId="ADAL" clId="{FF34E82E-70A5-47A1-988E-8EC70675C3B6}" dt="2022-08-05T15:11:10.365" v="1123" actId="700"/>
          <ac:spMkLst>
            <pc:docMk/>
            <pc:sldMk cId="2217868022" sldId="546"/>
            <ac:spMk id="7" creationId="{4D590D2C-CB7C-9EFA-A0F0-D12A837C53C7}"/>
          </ac:spMkLst>
        </pc:spChg>
        <pc:spChg chg="add del mod ord">
          <ac:chgData name="Matias Vázquez Piñón" userId="2f86a967-3c9c-4a39-b538-7e6c0574d83d" providerId="ADAL" clId="{FF34E82E-70A5-47A1-988E-8EC70675C3B6}" dt="2022-08-05T15:11:05.561" v="1121"/>
          <ac:spMkLst>
            <pc:docMk/>
            <pc:sldMk cId="2217868022" sldId="546"/>
            <ac:spMk id="9" creationId="{2BFDFCDD-BA3B-01DB-B05D-4F9C4DFEEB1C}"/>
          </ac:spMkLst>
        </pc:spChg>
        <pc:spChg chg="add del mod ord">
          <ac:chgData name="Matias Vázquez Piñón" userId="2f86a967-3c9c-4a39-b538-7e6c0574d83d" providerId="ADAL" clId="{FF34E82E-70A5-47A1-988E-8EC70675C3B6}" dt="2022-08-05T15:12:41.228" v="1147"/>
          <ac:spMkLst>
            <pc:docMk/>
            <pc:sldMk cId="2217868022" sldId="546"/>
            <ac:spMk id="11" creationId="{377AB4CE-8990-605F-B442-1B8551DB7DD0}"/>
          </ac:spMkLst>
        </pc:spChg>
        <pc:spChg chg="add del mod ord">
          <ac:chgData name="Matias Vázquez Piñón" userId="2f86a967-3c9c-4a39-b538-7e6c0574d83d" providerId="ADAL" clId="{FF34E82E-70A5-47A1-988E-8EC70675C3B6}" dt="2022-08-05T15:11:12.293" v="1124"/>
          <ac:spMkLst>
            <pc:docMk/>
            <pc:sldMk cId="2217868022" sldId="546"/>
            <ac:spMk id="12" creationId="{5696440B-04AD-92D7-4E34-44EB8DA0D08F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14" creationId="{BFDB0981-8A55-D942-F803-CA31AEB61800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17" creationId="{6DDB4754-0E29-EAAD-1A76-3E8D666A1F54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18" creationId="{7214DC05-33A1-6F3E-928B-039979474A57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19" creationId="{C7919847-2401-AE31-E426-831375698036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20" creationId="{4E906EB8-A7C8-99DB-1EB0-0C857000CD5F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21" creationId="{D3EB0E60-D302-D176-F3BD-B3173220F683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22" creationId="{A1BA7117-ED66-612D-8EEA-2C0D3F5F2AEA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23" creationId="{399F95A9-6987-4894-8FBF-B15B99A9E667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24" creationId="{3C8289F7-06F7-ECF8-7243-A2FE941807C1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25" creationId="{932F8E82-AFF5-0FAD-FD30-9AFF9C768235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30" creationId="{9B10A4DF-9712-150E-7767-AF7AD8883090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31" creationId="{DC042F11-63C6-FF38-8C60-C3826BA8D6D8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51" creationId="{8A69DA0F-ED26-782E-B958-503C9C213247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52" creationId="{1E74EFAD-10BF-2B4B-0D22-31108B7904EF}"/>
          </ac:spMkLst>
        </pc:spChg>
        <pc:spChg chg="add del mod">
          <ac:chgData name="Matias Vázquez Piñón" userId="2f86a967-3c9c-4a39-b538-7e6c0574d83d" providerId="ADAL" clId="{FF34E82E-70A5-47A1-988E-8EC70675C3B6}" dt="2022-08-05T15:12:25.964" v="1142"/>
          <ac:spMkLst>
            <pc:docMk/>
            <pc:sldMk cId="2217868022" sldId="546"/>
            <ac:spMk id="53" creationId="{3A6437B2-0D9C-26F8-F84B-BD0CB2DC07ED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60" creationId="{0EB280C5-56BC-9EB1-DF16-5B66FE908595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63" creationId="{5D5A0574-AF99-CB5D-9CFA-89C8D4B46D7C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64" creationId="{138D4D9B-A25C-D323-7CA6-77B0CA754CCF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65" creationId="{15A7F9EF-7C6A-BF70-0ACD-E1118CC195D3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66" creationId="{84F937CD-8FB0-2F0E-5212-6891A62E70BE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67" creationId="{9C9C6459-DDC9-DD58-931F-162637BFFEDF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68" creationId="{E233C9DD-40E8-AC1E-28CE-403795A42E3E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69" creationId="{F9DAC017-DCA6-71CA-8AFF-233791234648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70" creationId="{8491059C-BCF5-0767-FE35-D919D45FDEF2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71" creationId="{90FBCA04-3C2A-7340-5BB4-AB32566E948F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76" creationId="{E8C0158D-5A2A-696D-1015-EB6DFEE0F4A1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77" creationId="{A4790A7B-3297-9073-DFFC-0F0455895161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97" creationId="{72B8A64D-4330-56AF-564D-44893B6B2507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98" creationId="{EEA136BA-E308-CB65-A901-23AD00181B00}"/>
          </ac:spMkLst>
        </pc:spChg>
        <pc:spChg chg="add mod">
          <ac:chgData name="Matias Vázquez Piñón" userId="2f86a967-3c9c-4a39-b538-7e6c0574d83d" providerId="ADAL" clId="{FF34E82E-70A5-47A1-988E-8EC70675C3B6}" dt="2022-08-05T15:13:00.161" v="1150" actId="1076"/>
          <ac:spMkLst>
            <pc:docMk/>
            <pc:sldMk cId="2217868022" sldId="546"/>
            <ac:spMk id="99" creationId="{CDF6B19B-8450-CACF-727E-4A88A6062EE9}"/>
          </ac:spMkLst>
        </pc:spChg>
        <pc:spChg chg="add del mod">
          <ac:chgData name="Matias Vázquez Piñón" userId="2f86a967-3c9c-4a39-b538-7e6c0574d83d" providerId="ADAL" clId="{FF34E82E-70A5-47A1-988E-8EC70675C3B6}" dt="2022-08-05T15:12:50.434" v="1149" actId="478"/>
          <ac:spMkLst>
            <pc:docMk/>
            <pc:sldMk cId="2217868022" sldId="546"/>
            <ac:spMk id="107" creationId="{22077DC0-828C-1F0E-55E8-4D31BD9C3245}"/>
          </ac:spMkLst>
        </pc:spChg>
        <pc:grpChg chg="add del mod">
          <ac:chgData name="Matias Vázquez Piñón" userId="2f86a967-3c9c-4a39-b538-7e6c0574d83d" providerId="ADAL" clId="{FF34E82E-70A5-47A1-988E-8EC70675C3B6}" dt="2022-08-05T15:12:25.964" v="1142"/>
          <ac:grpSpMkLst>
            <pc:docMk/>
            <pc:sldMk cId="2217868022" sldId="546"/>
            <ac:grpSpMk id="32" creationId="{7265CCF8-DDB7-43B4-0FCD-016E10359D3D}"/>
          </ac:grpSpMkLst>
        </pc:grpChg>
        <pc:grpChg chg="add del mod">
          <ac:chgData name="Matias Vázquez Piñón" userId="2f86a967-3c9c-4a39-b538-7e6c0574d83d" providerId="ADAL" clId="{FF34E82E-70A5-47A1-988E-8EC70675C3B6}" dt="2022-08-05T15:12:25.964" v="1142"/>
          <ac:grpSpMkLst>
            <pc:docMk/>
            <pc:sldMk cId="2217868022" sldId="546"/>
            <ac:grpSpMk id="35" creationId="{E01AD3C6-39FA-B338-9746-95B0093A9E30}"/>
          </ac:grpSpMkLst>
        </pc:grpChg>
        <pc:grpChg chg="add del mod">
          <ac:chgData name="Matias Vázquez Piñón" userId="2f86a967-3c9c-4a39-b538-7e6c0574d83d" providerId="ADAL" clId="{FF34E82E-70A5-47A1-988E-8EC70675C3B6}" dt="2022-08-05T15:12:25.964" v="1142"/>
          <ac:grpSpMkLst>
            <pc:docMk/>
            <pc:sldMk cId="2217868022" sldId="546"/>
            <ac:grpSpMk id="39" creationId="{ACE104C2-CFA3-1A94-027A-B25F3CAB803D}"/>
          </ac:grpSpMkLst>
        </pc:grpChg>
        <pc:grpChg chg="add del mod">
          <ac:chgData name="Matias Vázquez Piñón" userId="2f86a967-3c9c-4a39-b538-7e6c0574d83d" providerId="ADAL" clId="{FF34E82E-70A5-47A1-988E-8EC70675C3B6}" dt="2022-08-05T15:12:25.964" v="1142"/>
          <ac:grpSpMkLst>
            <pc:docMk/>
            <pc:sldMk cId="2217868022" sldId="546"/>
            <ac:grpSpMk id="43" creationId="{62BBB6BE-4629-718E-89E2-28773CE49CED}"/>
          </ac:grpSpMkLst>
        </pc:grpChg>
        <pc:grpChg chg="add del mod">
          <ac:chgData name="Matias Vázquez Piñón" userId="2f86a967-3c9c-4a39-b538-7e6c0574d83d" providerId="ADAL" clId="{FF34E82E-70A5-47A1-988E-8EC70675C3B6}" dt="2022-08-05T15:12:25.964" v="1142"/>
          <ac:grpSpMkLst>
            <pc:docMk/>
            <pc:sldMk cId="2217868022" sldId="546"/>
            <ac:grpSpMk id="48" creationId="{11FD2611-27F5-CD49-A253-C5A94E3FF39B}"/>
          </ac:grpSpMkLst>
        </pc:grpChg>
        <pc:grpChg chg="add del mod">
          <ac:chgData name="Matias Vázquez Piñón" userId="2f86a967-3c9c-4a39-b538-7e6c0574d83d" providerId="ADAL" clId="{FF34E82E-70A5-47A1-988E-8EC70675C3B6}" dt="2022-08-05T15:12:25.964" v="1142"/>
          <ac:grpSpMkLst>
            <pc:docMk/>
            <pc:sldMk cId="2217868022" sldId="546"/>
            <ac:grpSpMk id="54" creationId="{60C75E17-C5B2-57C5-4D72-69CAADEB9286}"/>
          </ac:grpSpMkLst>
        </pc:grpChg>
        <pc:grpChg chg="add del mod">
          <ac:chgData name="Matias Vázquez Piñón" userId="2f86a967-3c9c-4a39-b538-7e6c0574d83d" providerId="ADAL" clId="{FF34E82E-70A5-47A1-988E-8EC70675C3B6}" dt="2022-08-05T15:12:25.964" v="1142"/>
          <ac:grpSpMkLst>
            <pc:docMk/>
            <pc:sldMk cId="2217868022" sldId="546"/>
            <ac:grpSpMk id="57" creationId="{3C3EFAB9-6DF0-0F43-4637-0ABCA3123B6B}"/>
          </ac:grpSpMkLst>
        </pc:grpChg>
        <pc:grpChg chg="add mod">
          <ac:chgData name="Matias Vázquez Piñón" userId="2f86a967-3c9c-4a39-b538-7e6c0574d83d" providerId="ADAL" clId="{FF34E82E-70A5-47A1-988E-8EC70675C3B6}" dt="2022-08-05T15:13:00.161" v="1150" actId="1076"/>
          <ac:grpSpMkLst>
            <pc:docMk/>
            <pc:sldMk cId="2217868022" sldId="546"/>
            <ac:grpSpMk id="78" creationId="{A9B61B20-0F76-DC70-52FF-2F911644507D}"/>
          </ac:grpSpMkLst>
        </pc:grpChg>
        <pc:grpChg chg="add mod">
          <ac:chgData name="Matias Vázquez Piñón" userId="2f86a967-3c9c-4a39-b538-7e6c0574d83d" providerId="ADAL" clId="{FF34E82E-70A5-47A1-988E-8EC70675C3B6}" dt="2022-08-05T15:13:00.161" v="1150" actId="1076"/>
          <ac:grpSpMkLst>
            <pc:docMk/>
            <pc:sldMk cId="2217868022" sldId="546"/>
            <ac:grpSpMk id="81" creationId="{55FF9EFF-9C93-D95C-B8D1-F9922B004B8B}"/>
          </ac:grpSpMkLst>
        </pc:grpChg>
        <pc:grpChg chg="add mod">
          <ac:chgData name="Matias Vázquez Piñón" userId="2f86a967-3c9c-4a39-b538-7e6c0574d83d" providerId="ADAL" clId="{FF34E82E-70A5-47A1-988E-8EC70675C3B6}" dt="2022-08-05T15:13:00.161" v="1150" actId="1076"/>
          <ac:grpSpMkLst>
            <pc:docMk/>
            <pc:sldMk cId="2217868022" sldId="546"/>
            <ac:grpSpMk id="85" creationId="{852B5074-DBC1-7810-8ED8-B10EC7CEA3B9}"/>
          </ac:grpSpMkLst>
        </pc:grpChg>
        <pc:grpChg chg="add mod">
          <ac:chgData name="Matias Vázquez Piñón" userId="2f86a967-3c9c-4a39-b538-7e6c0574d83d" providerId="ADAL" clId="{FF34E82E-70A5-47A1-988E-8EC70675C3B6}" dt="2022-08-05T15:13:00.161" v="1150" actId="1076"/>
          <ac:grpSpMkLst>
            <pc:docMk/>
            <pc:sldMk cId="2217868022" sldId="546"/>
            <ac:grpSpMk id="89" creationId="{3B8B3BDB-70B8-14CA-9945-F432031285CA}"/>
          </ac:grpSpMkLst>
        </pc:grpChg>
        <pc:grpChg chg="add mod">
          <ac:chgData name="Matias Vázquez Piñón" userId="2f86a967-3c9c-4a39-b538-7e6c0574d83d" providerId="ADAL" clId="{FF34E82E-70A5-47A1-988E-8EC70675C3B6}" dt="2022-08-05T15:13:00.161" v="1150" actId="1076"/>
          <ac:grpSpMkLst>
            <pc:docMk/>
            <pc:sldMk cId="2217868022" sldId="546"/>
            <ac:grpSpMk id="94" creationId="{78EA1750-C7C3-69A3-1C7D-14D83AE626E4}"/>
          </ac:grpSpMkLst>
        </pc:grpChg>
        <pc:grpChg chg="add mod">
          <ac:chgData name="Matias Vázquez Piñón" userId="2f86a967-3c9c-4a39-b538-7e6c0574d83d" providerId="ADAL" clId="{FF34E82E-70A5-47A1-988E-8EC70675C3B6}" dt="2022-08-05T15:13:00.161" v="1150" actId="1076"/>
          <ac:grpSpMkLst>
            <pc:docMk/>
            <pc:sldMk cId="2217868022" sldId="546"/>
            <ac:grpSpMk id="100" creationId="{566E1C32-5783-4703-4B8B-51A51C5AF416}"/>
          </ac:grpSpMkLst>
        </pc:grpChg>
        <pc:grpChg chg="add mod">
          <ac:chgData name="Matias Vázquez Piñón" userId="2f86a967-3c9c-4a39-b538-7e6c0574d83d" providerId="ADAL" clId="{FF34E82E-70A5-47A1-988E-8EC70675C3B6}" dt="2022-08-05T15:13:00.161" v="1150" actId="1076"/>
          <ac:grpSpMkLst>
            <pc:docMk/>
            <pc:sldMk cId="2217868022" sldId="546"/>
            <ac:grpSpMk id="103" creationId="{0EE21865-367F-5D3D-342A-FB297907CE88}"/>
          </ac:grpSpMkLst>
        </pc:grpChg>
        <pc:graphicFrameChg chg="add del mod ord modGraphic">
          <ac:chgData name="Matias Vázquez Piñón" userId="2f86a967-3c9c-4a39-b538-7e6c0574d83d" providerId="ADAL" clId="{FF34E82E-70A5-47A1-988E-8EC70675C3B6}" dt="2022-08-03T15:14:15.319" v="1091" actId="21"/>
          <ac:graphicFrameMkLst>
            <pc:docMk/>
            <pc:sldMk cId="2217868022" sldId="546"/>
            <ac:graphicFrameMk id="6" creationId="{08C07F6F-461C-D18F-E01C-A876269A6894}"/>
          </ac:graphicFrameMkLst>
        </pc:graphicFrameChg>
        <pc:graphicFrameChg chg="add del mod">
          <ac:chgData name="Matias Vázquez Piñón" userId="2f86a967-3c9c-4a39-b538-7e6c0574d83d" providerId="ADAL" clId="{FF34E82E-70A5-47A1-988E-8EC70675C3B6}" dt="2022-08-05T15:11:08.520" v="1122" actId="21"/>
          <ac:graphicFrameMkLst>
            <pc:docMk/>
            <pc:sldMk cId="2217868022" sldId="546"/>
            <ac:graphicFrameMk id="8" creationId="{E8FCB03D-5223-D11C-3939-D5B5C81E33A3}"/>
          </ac:graphicFrameMkLst>
        </pc:graphicFrameChg>
        <pc:graphicFrameChg chg="add del mod">
          <ac:chgData name="Matias Vázquez Piñón" userId="2f86a967-3c9c-4a39-b538-7e6c0574d83d" providerId="ADAL" clId="{FF34E82E-70A5-47A1-988E-8EC70675C3B6}" dt="2022-08-05T15:10:46.305" v="1118" actId="21"/>
          <ac:graphicFrameMkLst>
            <pc:docMk/>
            <pc:sldMk cId="2217868022" sldId="546"/>
            <ac:graphicFrameMk id="10" creationId="{717D375D-521D-927F-802D-5AEFCBD7A68A}"/>
          </ac:graphicFrameMkLst>
        </pc:graphicFrameChg>
        <pc:graphicFrameChg chg="add del mod modGraphic">
          <ac:chgData name="Matias Vázquez Piñón" userId="2f86a967-3c9c-4a39-b538-7e6c0574d83d" providerId="ADAL" clId="{FF34E82E-70A5-47A1-988E-8EC70675C3B6}" dt="2022-08-05T15:12:40.226" v="1146" actId="21"/>
          <ac:graphicFrameMkLst>
            <pc:docMk/>
            <pc:sldMk cId="2217868022" sldId="546"/>
            <ac:graphicFrameMk id="13" creationId="{9D6E2855-31D6-39B1-9649-3C7487E34058}"/>
          </ac:graphicFrameMkLst>
        </pc:graphicFrameChg>
        <pc:graphicFrameChg chg="add mod">
          <ac:chgData name="Matias Vázquez Piñón" userId="2f86a967-3c9c-4a39-b538-7e6c0574d83d" providerId="ADAL" clId="{FF34E82E-70A5-47A1-988E-8EC70675C3B6}" dt="2022-08-05T15:12:46.285" v="1148" actId="1076"/>
          <ac:graphicFrameMkLst>
            <pc:docMk/>
            <pc:sldMk cId="2217868022" sldId="546"/>
            <ac:graphicFrameMk id="108" creationId="{B31D84D1-C8D3-D468-5286-706F7928B6C3}"/>
          </ac:graphicFrameMkLst>
        </pc:graphicFrameChg>
        <pc:picChg chg="add del mod">
          <ac:chgData name="Matias Vázquez Piñón" userId="2f86a967-3c9c-4a39-b538-7e6c0574d83d" providerId="ADAL" clId="{FF34E82E-70A5-47A1-988E-8EC70675C3B6}" dt="2022-08-05T15:12:25.964" v="1142"/>
          <ac:picMkLst>
            <pc:docMk/>
            <pc:sldMk cId="2217868022" sldId="546"/>
            <ac:picMk id="15" creationId="{88687931-4677-A63C-FAB7-F9F266AC84FC}"/>
          </ac:picMkLst>
        </pc:picChg>
        <pc:picChg chg="add del mod">
          <ac:chgData name="Matias Vázquez Piñón" userId="2f86a967-3c9c-4a39-b538-7e6c0574d83d" providerId="ADAL" clId="{FF34E82E-70A5-47A1-988E-8EC70675C3B6}" dt="2022-08-05T15:12:25.964" v="1142"/>
          <ac:picMkLst>
            <pc:docMk/>
            <pc:sldMk cId="2217868022" sldId="546"/>
            <ac:picMk id="16" creationId="{A93A238C-950B-3961-5B71-44A06C8E0DE3}"/>
          </ac:picMkLst>
        </pc:picChg>
        <pc:picChg chg="add mod">
          <ac:chgData name="Matias Vázquez Piñón" userId="2f86a967-3c9c-4a39-b538-7e6c0574d83d" providerId="ADAL" clId="{FF34E82E-70A5-47A1-988E-8EC70675C3B6}" dt="2022-08-05T15:13:00.161" v="1150" actId="1076"/>
          <ac:picMkLst>
            <pc:docMk/>
            <pc:sldMk cId="2217868022" sldId="546"/>
            <ac:picMk id="61" creationId="{5C8D2E16-2FC2-CF51-C413-AB6735359D99}"/>
          </ac:picMkLst>
        </pc:picChg>
        <pc:picChg chg="add mod">
          <ac:chgData name="Matias Vázquez Piñón" userId="2f86a967-3c9c-4a39-b538-7e6c0574d83d" providerId="ADAL" clId="{FF34E82E-70A5-47A1-988E-8EC70675C3B6}" dt="2022-08-05T15:13:00.161" v="1150" actId="1076"/>
          <ac:picMkLst>
            <pc:docMk/>
            <pc:sldMk cId="2217868022" sldId="546"/>
            <ac:picMk id="62" creationId="{A7681A0E-02D2-A725-89D7-5D31C94DD49D}"/>
          </ac:picMkLst>
        </pc:picChg>
        <pc:inkChg chg="add del mod">
          <ac:chgData name="Matias Vázquez Piñón" userId="2f86a967-3c9c-4a39-b538-7e6c0574d83d" providerId="ADAL" clId="{FF34E82E-70A5-47A1-988E-8EC70675C3B6}" dt="2022-08-05T15:12:25.964" v="1142"/>
          <ac:inkMkLst>
            <pc:docMk/>
            <pc:sldMk cId="2217868022" sldId="546"/>
            <ac:inkMk id="26" creationId="{CBFAD970-B73E-B3F1-48ED-9B766333361C}"/>
          </ac:inkMkLst>
        </pc:inkChg>
        <pc:inkChg chg="add del mod">
          <ac:chgData name="Matias Vázquez Piñón" userId="2f86a967-3c9c-4a39-b538-7e6c0574d83d" providerId="ADAL" clId="{FF34E82E-70A5-47A1-988E-8EC70675C3B6}" dt="2022-08-05T15:12:25.964" v="1142"/>
          <ac:inkMkLst>
            <pc:docMk/>
            <pc:sldMk cId="2217868022" sldId="546"/>
            <ac:inkMk id="27" creationId="{1F17F777-B6EF-8C3C-C490-9E1F5DCF2379}"/>
          </ac:inkMkLst>
        </pc:inkChg>
        <pc:inkChg chg="add del mod">
          <ac:chgData name="Matias Vázquez Piñón" userId="2f86a967-3c9c-4a39-b538-7e6c0574d83d" providerId="ADAL" clId="{FF34E82E-70A5-47A1-988E-8EC70675C3B6}" dt="2022-08-05T15:12:25.964" v="1142"/>
          <ac:inkMkLst>
            <pc:docMk/>
            <pc:sldMk cId="2217868022" sldId="546"/>
            <ac:inkMk id="28" creationId="{AA752DFD-A340-2E28-A9FE-D871F0EABEEA}"/>
          </ac:inkMkLst>
        </pc:inkChg>
        <pc:inkChg chg="add del mod">
          <ac:chgData name="Matias Vázquez Piñón" userId="2f86a967-3c9c-4a39-b538-7e6c0574d83d" providerId="ADAL" clId="{FF34E82E-70A5-47A1-988E-8EC70675C3B6}" dt="2022-08-05T15:12:25.964" v="1142"/>
          <ac:inkMkLst>
            <pc:docMk/>
            <pc:sldMk cId="2217868022" sldId="546"/>
            <ac:inkMk id="29" creationId="{1345D4F0-547B-A937-F434-2D1DEBDA3016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33" creationId="{4222320F-98BC-1703-DB7A-7E05E8D681FA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34" creationId="{C0B1A4A1-1F8E-CE55-3DB9-FAA8AC654D72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36" creationId="{9F2A8A47-3911-84CA-36B7-C087D0D3CEF7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37" creationId="{BDA32980-812F-1BE1-11CB-D12496E5A641}"/>
          </ac:inkMkLst>
        </pc:inkChg>
        <pc:inkChg chg="add del mod">
          <ac:chgData name="Matias Vázquez Piñón" userId="2f86a967-3c9c-4a39-b538-7e6c0574d83d" providerId="ADAL" clId="{FF34E82E-70A5-47A1-988E-8EC70675C3B6}" dt="2022-08-05T15:12:25.964" v="1142"/>
          <ac:inkMkLst>
            <pc:docMk/>
            <pc:sldMk cId="2217868022" sldId="546"/>
            <ac:inkMk id="38" creationId="{DE0F3EFF-08A1-DCCC-2A2A-5EF2BB6350D3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40" creationId="{C486030B-93C8-1F74-C844-6692C0C11EE7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41" creationId="{2DA381B5-ED29-C7FD-73E8-6B2F91081ED9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42" creationId="{53DFB4C4-5F83-1364-AC4E-4CF85174400F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44" creationId="{E9C0B740-D07D-5FF1-3D69-98C2FC759B45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45" creationId="{EDD1C64B-5033-9DF5-7466-80E3096E3D1E}"/>
          </ac:inkMkLst>
        </pc:inkChg>
        <pc:inkChg chg="add del mod">
          <ac:chgData name="Matias Vázquez Piñón" userId="2f86a967-3c9c-4a39-b538-7e6c0574d83d" providerId="ADAL" clId="{FF34E82E-70A5-47A1-988E-8EC70675C3B6}" dt="2022-08-05T15:12:25.964" v="1142"/>
          <ac:inkMkLst>
            <pc:docMk/>
            <pc:sldMk cId="2217868022" sldId="546"/>
            <ac:inkMk id="46" creationId="{A50A29A0-ED23-8949-AF6A-F4EA4AA55D40}"/>
          </ac:inkMkLst>
        </pc:inkChg>
        <pc:inkChg chg="add del mod">
          <ac:chgData name="Matias Vázquez Piñón" userId="2f86a967-3c9c-4a39-b538-7e6c0574d83d" providerId="ADAL" clId="{FF34E82E-70A5-47A1-988E-8EC70675C3B6}" dt="2022-08-05T15:12:25.964" v="1142"/>
          <ac:inkMkLst>
            <pc:docMk/>
            <pc:sldMk cId="2217868022" sldId="546"/>
            <ac:inkMk id="47" creationId="{5AAD9C41-436B-9C5E-D467-F611C12403BE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49" creationId="{1FCC4070-F60C-8438-994D-909A41227D11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50" creationId="{2EBA04AB-C217-AA7A-5ED1-FE82359855C8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55" creationId="{83801D55-335A-CECF-20A0-34A13E1F62DE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56" creationId="{A7ACA5F1-C1B8-89DA-23ED-35334573BEB9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58" creationId="{1D05AFED-AF31-405C-7450-03AA35BDEAA1}"/>
          </ac:inkMkLst>
        </pc:inkChg>
        <pc:inkChg chg="mod">
          <ac:chgData name="Matias Vázquez Piñón" userId="2f86a967-3c9c-4a39-b538-7e6c0574d83d" providerId="ADAL" clId="{FF34E82E-70A5-47A1-988E-8EC70675C3B6}" dt="2022-08-05T15:12:24.229" v="1141"/>
          <ac:inkMkLst>
            <pc:docMk/>
            <pc:sldMk cId="2217868022" sldId="546"/>
            <ac:inkMk id="59" creationId="{5F007703-77AF-117F-30C5-D2F41B4AE4EF}"/>
          </ac:inkMkLst>
        </pc:inkChg>
        <pc:inkChg chg="add 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72" creationId="{4D88DD36-CAA3-A889-2E1F-5F5E02E7EF27}"/>
          </ac:inkMkLst>
        </pc:inkChg>
        <pc:inkChg chg="add 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73" creationId="{54AEB02F-16B1-B008-4AEB-62A275100EBB}"/>
          </ac:inkMkLst>
        </pc:inkChg>
        <pc:inkChg chg="add 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74" creationId="{995F4AB0-5559-BDDF-E3BB-0AD59B0463E4}"/>
          </ac:inkMkLst>
        </pc:inkChg>
        <pc:inkChg chg="add 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75" creationId="{84B7D3F6-820B-E3FD-5D5E-3FCF143E1224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79" creationId="{A685CA46-24C7-7C86-FA80-C674BE209BD1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80" creationId="{14389AAB-902D-28B4-C60A-2B158A2BEFD1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82" creationId="{2BD42320-9F4E-B296-24D6-469DBF5F6609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83" creationId="{DE928776-7C3E-1BF2-A34A-6C7A4F4FD520}"/>
          </ac:inkMkLst>
        </pc:inkChg>
        <pc:inkChg chg="add 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84" creationId="{ECC67415-7B39-02F0-8C8F-88BEFE307C34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86" creationId="{FFF7F180-51CA-193F-B1B0-3C1B30D7A1A8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87" creationId="{83B75C66-D1AC-4373-9E6F-E8DB1E11E54A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88" creationId="{5E152772-13EE-6CBD-2EF0-84EC1FE1BB3E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90" creationId="{2D38D669-E977-7F2D-91C9-D2D170123FA1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91" creationId="{558C0D5B-D55B-5209-DD3F-B74FE90922B4}"/>
          </ac:inkMkLst>
        </pc:inkChg>
        <pc:inkChg chg="add 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92" creationId="{6D2CBE39-CBC8-43FC-834B-EE991AE0CA04}"/>
          </ac:inkMkLst>
        </pc:inkChg>
        <pc:inkChg chg="add 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93" creationId="{A85DD7B0-161F-47E0-CEEC-1B3EC9C16D1E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95" creationId="{5FE5790E-FE51-CE07-EA52-60D804D9516A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96" creationId="{76C32B22-2A0B-D54E-F3FD-7F984F07CAA8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101" creationId="{333CAC0B-20A9-0E9A-0D03-8141899EC617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102" creationId="{88070FFE-8DF8-44A8-279D-08BD5B566FE5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104" creationId="{77A546DA-2B3F-34BA-5780-AC5FCC73D0E9}"/>
          </ac:inkMkLst>
        </pc:inkChg>
        <pc:inkChg chg="mod">
          <ac:chgData name="Matias Vázquez Piñón" userId="2f86a967-3c9c-4a39-b538-7e6c0574d83d" providerId="ADAL" clId="{FF34E82E-70A5-47A1-988E-8EC70675C3B6}" dt="2022-08-05T15:13:00.161" v="1150" actId="1076"/>
          <ac:inkMkLst>
            <pc:docMk/>
            <pc:sldMk cId="2217868022" sldId="546"/>
            <ac:inkMk id="105" creationId="{B68FEC47-5B10-12AF-F58A-144C2BB36F14}"/>
          </ac:inkMkLst>
        </pc:inkChg>
      </pc:sldChg>
      <pc:sldChg chg="addSp modSp">
        <pc:chgData name="Matias Vázquez Piñón" userId="2f86a967-3c9c-4a39-b538-7e6c0574d83d" providerId="ADAL" clId="{FF34E82E-70A5-47A1-988E-8EC70675C3B6}" dt="2022-08-09T09:43:15.832" v="1243"/>
        <pc:sldMkLst>
          <pc:docMk/>
          <pc:sldMk cId="1556255156" sldId="549"/>
        </pc:sldMkLst>
        <pc:spChg chg="add mod">
          <ac:chgData name="Matias Vázquez Piñón" userId="2f86a967-3c9c-4a39-b538-7e6c0574d83d" providerId="ADAL" clId="{FF34E82E-70A5-47A1-988E-8EC70675C3B6}" dt="2022-08-09T09:43:15.832" v="1243"/>
          <ac:spMkLst>
            <pc:docMk/>
            <pc:sldMk cId="1556255156" sldId="549"/>
            <ac:spMk id="7" creationId="{EDB5A3B4-0DA9-CC50-5FEC-A54303C113F9}"/>
          </ac:spMkLst>
        </pc:spChg>
      </pc:sldChg>
      <pc:sldChg chg="delSp modSp new del mod ord">
        <pc:chgData name="Matias Vázquez Piñón" userId="2f86a967-3c9c-4a39-b538-7e6c0574d83d" providerId="ADAL" clId="{FF34E82E-70A5-47A1-988E-8EC70675C3B6}" dt="2022-08-12T14:31:18.702" v="1842" actId="47"/>
        <pc:sldMkLst>
          <pc:docMk/>
          <pc:sldMk cId="1300491009" sldId="554"/>
        </pc:sldMkLst>
        <pc:spChg chg="mod">
          <ac:chgData name="Matias Vázquez Piñón" userId="2f86a967-3c9c-4a39-b538-7e6c0574d83d" providerId="ADAL" clId="{FF34E82E-70A5-47A1-988E-8EC70675C3B6}" dt="2022-08-09T11:05:58.741" v="1293" actId="20577"/>
          <ac:spMkLst>
            <pc:docMk/>
            <pc:sldMk cId="1300491009" sldId="554"/>
            <ac:spMk id="2" creationId="{FD4CE2B6-8A0B-8DBC-6ACD-10C70E7D6CC9}"/>
          </ac:spMkLst>
        </pc:spChg>
        <pc:spChg chg="del">
          <ac:chgData name="Matias Vázquez Piñón" userId="2f86a967-3c9c-4a39-b538-7e6c0574d83d" providerId="ADAL" clId="{FF34E82E-70A5-47A1-988E-8EC70675C3B6}" dt="2022-08-09T10:30:01.793" v="1245" actId="478"/>
          <ac:spMkLst>
            <pc:docMk/>
            <pc:sldMk cId="1300491009" sldId="554"/>
            <ac:spMk id="44" creationId="{0EBB4B8A-55D4-4CAB-6E27-0AFE3B16F42A}"/>
          </ac:spMkLst>
        </pc:sp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2" creationId="{1655FB21-B38E-0ECD-0E07-F39A855B3C33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5" creationId="{7B6429FC-A6C2-154D-AEFD-F39753D0BFE5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20" creationId="{6B1A1855-C0F2-CAC3-A7F2-8D141B8D6E43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23" creationId="{EBC75B2E-0F1A-46B4-ABA6-7A1D736A2C4E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29" creationId="{EA763F86-73FB-9473-C704-2D51A5CCAB9E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34" creationId="{BB6B985D-97CC-39BC-8912-B16336D8EB9B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39" creationId="{F8CDA5BB-0E0D-0DD1-49A0-F7AACDEC8A5D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47" creationId="{F00C8CAB-ED67-7EDE-2B65-FE2F213296A8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63" creationId="{2FD04655-93C2-625B-E9C1-BB829C2A1B58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64" creationId="{D7C6E144-4122-E552-CE2A-763612A41337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68" creationId="{7A485EA8-F0D9-A361-6DAC-1E6CC582C887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82" creationId="{A543EBD6-C1ED-B6D0-DD38-A23F7661C3B3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87" creationId="{7B192077-4C01-35A4-05DB-824CA0A52F67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94" creationId="{A865C7B5-CF49-D91E-18EB-10AE63E071AA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99" creationId="{0F73A1A4-65F7-79D9-B1CE-A216EF591B4F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04" creationId="{55D9D3EF-1B80-1AF7-04B5-2E46348D5990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11" creationId="{3094D463-D6A4-5D2E-5C1E-82D246703091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14" creationId="{C55B340C-89A7-EBF4-CC8C-EB93E9D64030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19" creationId="{5345CC95-67C1-2675-9EF4-1D16F9B708F9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20" creationId="{A0EBE3D4-6791-76EC-76D8-3B5EC2AE351C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23" creationId="{D9138876-8FD1-1359-E505-19E065185B46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33" creationId="{4A6FB257-1700-8A69-B4E2-692DF1DC6653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34" creationId="{5A814F0F-E030-0BC3-A228-30009906E8F5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37" creationId="{89B59EC2-25A1-7950-D774-915FCA2646FC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41" creationId="{43C952DE-1395-77BE-3018-BC5CEC99CF65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42" creationId="{102DFFB4-8DF8-A509-DA5D-984F8E3D35D6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43" creationId="{F5A4F096-EC61-435D-38F1-A96060F5A24D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44" creationId="{DAF4920A-8F65-CE6B-ACBC-B7C8790A7B6D}"/>
          </ac:inkMkLst>
        </pc:inkChg>
        <pc:inkChg chg="del">
          <ac:chgData name="Matias Vázquez Piñón" userId="2f86a967-3c9c-4a39-b538-7e6c0574d83d" providerId="ADAL" clId="{FF34E82E-70A5-47A1-988E-8EC70675C3B6}" dt="2022-08-09T10:37:13.791" v="1291" actId="478"/>
          <ac:inkMkLst>
            <pc:docMk/>
            <pc:sldMk cId="1300491009" sldId="554"/>
            <ac:inkMk id="145" creationId="{E4D71F71-2DA5-406B-6C12-772B8FD3C8E4}"/>
          </ac:inkMkLst>
        </pc:inkChg>
      </pc:sldChg>
      <pc:sldChg chg="add del ord">
        <pc:chgData name="Matias Vázquez Piñón" userId="2f86a967-3c9c-4a39-b538-7e6c0574d83d" providerId="ADAL" clId="{FF34E82E-70A5-47A1-988E-8EC70675C3B6}" dt="2022-08-12T14:31:18.702" v="1842" actId="47"/>
        <pc:sldMkLst>
          <pc:docMk/>
          <pc:sldMk cId="4189517307" sldId="555"/>
        </pc:sldMkLst>
      </pc:sldChg>
      <pc:sldChg chg="new del">
        <pc:chgData name="Matias Vázquez Piñón" userId="2f86a967-3c9c-4a39-b538-7e6c0574d83d" providerId="ADAL" clId="{FF34E82E-70A5-47A1-988E-8EC70675C3B6}" dt="2022-08-09T12:59:46.630" v="1456" actId="680"/>
        <pc:sldMkLst>
          <pc:docMk/>
          <pc:sldMk cId="1191878889" sldId="556"/>
        </pc:sldMkLst>
      </pc:sldChg>
      <pc:sldChg chg="add del ord">
        <pc:chgData name="Matias Vázquez Piñón" userId="2f86a967-3c9c-4a39-b538-7e6c0574d83d" providerId="ADAL" clId="{FF34E82E-70A5-47A1-988E-8EC70675C3B6}" dt="2022-08-12T14:31:18.702" v="1842" actId="47"/>
        <pc:sldMkLst>
          <pc:docMk/>
          <pc:sldMk cId="3672081710" sldId="556"/>
        </pc:sldMkLst>
      </pc:sldChg>
      <pc:sldChg chg="add del ord">
        <pc:chgData name="Matias Vázquez Piñón" userId="2f86a967-3c9c-4a39-b538-7e6c0574d83d" providerId="ADAL" clId="{FF34E82E-70A5-47A1-988E-8EC70675C3B6}" dt="2022-08-12T14:31:18.702" v="1842" actId="47"/>
        <pc:sldMkLst>
          <pc:docMk/>
          <pc:sldMk cId="2279348847" sldId="557"/>
        </pc:sldMkLst>
      </pc:sldChg>
      <pc:sldChg chg="modSp new mod">
        <pc:chgData name="Matias Vázquez Piñón" userId="2f86a967-3c9c-4a39-b538-7e6c0574d83d" providerId="ADAL" clId="{FF34E82E-70A5-47A1-988E-8EC70675C3B6}" dt="2022-08-10T12:29:23.827" v="1826" actId="20577"/>
        <pc:sldMkLst>
          <pc:docMk/>
          <pc:sldMk cId="2509311130" sldId="558"/>
        </pc:sldMkLst>
        <pc:spChg chg="mod">
          <ac:chgData name="Matias Vázquez Piñón" userId="2f86a967-3c9c-4a39-b538-7e6c0574d83d" providerId="ADAL" clId="{FF34E82E-70A5-47A1-988E-8EC70675C3B6}" dt="2022-08-10T12:29:23.827" v="1826" actId="20577"/>
          <ac:spMkLst>
            <pc:docMk/>
            <pc:sldMk cId="2509311130" sldId="558"/>
            <ac:spMk id="2" creationId="{8836E28A-C8FD-90F2-5BC3-5A59A7A3699C}"/>
          </ac:spMkLst>
        </pc:spChg>
      </pc:sldChg>
      <pc:sldChg chg="del">
        <pc:chgData name="Matias Vázquez Piñón" userId="2f86a967-3c9c-4a39-b538-7e6c0574d83d" providerId="ADAL" clId="{FF34E82E-70A5-47A1-988E-8EC70675C3B6}" dt="2022-08-12T07:01:47.435" v="1827" actId="47"/>
        <pc:sldMkLst>
          <pc:docMk/>
          <pc:sldMk cId="3516844474" sldId="559"/>
        </pc:sldMkLst>
      </pc:sldChg>
      <pc:sldChg chg="modSp mod">
        <pc:chgData name="Matias Vázquez Piñón" userId="2f86a967-3c9c-4a39-b538-7e6c0574d83d" providerId="ADAL" clId="{FF34E82E-70A5-47A1-988E-8EC70675C3B6}" dt="2022-08-15T09:07:03.312" v="1850" actId="207"/>
        <pc:sldMkLst>
          <pc:docMk/>
          <pc:sldMk cId="867128493" sldId="560"/>
        </pc:sldMkLst>
        <pc:spChg chg="mod">
          <ac:chgData name="Matias Vázquez Piñón" userId="2f86a967-3c9c-4a39-b538-7e6c0574d83d" providerId="ADAL" clId="{FF34E82E-70A5-47A1-988E-8EC70675C3B6}" dt="2022-08-15T09:07:03.312" v="1850" actId="207"/>
          <ac:spMkLst>
            <pc:docMk/>
            <pc:sldMk cId="867128493" sldId="560"/>
            <ac:spMk id="21" creationId="{82ED40E4-69A5-D020-1EAF-3D10B74199A1}"/>
          </ac:spMkLst>
        </pc:spChg>
      </pc:sldChg>
      <pc:sldChg chg="modSp">
        <pc:chgData name="Matias Vázquez Piñón" userId="2f86a967-3c9c-4a39-b538-7e6c0574d83d" providerId="ADAL" clId="{FF34E82E-70A5-47A1-988E-8EC70675C3B6}" dt="2022-08-12T14:32:09.823" v="1847" actId="1076"/>
        <pc:sldMkLst>
          <pc:docMk/>
          <pc:sldMk cId="1981470410" sldId="563"/>
        </pc:sldMkLst>
        <pc:picChg chg="mod">
          <ac:chgData name="Matias Vázquez Piñón" userId="2f86a967-3c9c-4a39-b538-7e6c0574d83d" providerId="ADAL" clId="{FF34E82E-70A5-47A1-988E-8EC70675C3B6}" dt="2022-08-12T14:32:09.823" v="1847" actId="1076"/>
          <ac:picMkLst>
            <pc:docMk/>
            <pc:sldMk cId="1981470410" sldId="563"/>
            <ac:picMk id="5" creationId="{03F13A18-FFB6-EEC2-CDA3-4AF232E91997}"/>
          </ac:picMkLst>
        </pc:picChg>
      </pc:sldChg>
      <pc:sldChg chg="addSp delSp modSp new mod">
        <pc:chgData name="Matias Vázquez Piñón" userId="2f86a967-3c9c-4a39-b538-7e6c0574d83d" providerId="ADAL" clId="{FF34E82E-70A5-47A1-988E-8EC70675C3B6}" dt="2022-08-12T09:28:31.742" v="1841" actId="1076"/>
        <pc:sldMkLst>
          <pc:docMk/>
          <pc:sldMk cId="2866763072" sldId="564"/>
        </pc:sldMkLst>
        <pc:spChg chg="del">
          <ac:chgData name="Matias Vázquez Piñón" userId="2f86a967-3c9c-4a39-b538-7e6c0574d83d" providerId="ADAL" clId="{FF34E82E-70A5-47A1-988E-8EC70675C3B6}" dt="2022-08-12T09:28:19.945" v="1839" actId="478"/>
          <ac:spMkLst>
            <pc:docMk/>
            <pc:sldMk cId="2866763072" sldId="564"/>
            <ac:spMk id="2" creationId="{2B7702D2-7563-3271-7DB8-A9C68ADD554C}"/>
          </ac:spMkLst>
        </pc:spChg>
        <pc:picChg chg="add del mod">
          <ac:chgData name="Matias Vázquez Piñón" userId="2f86a967-3c9c-4a39-b538-7e6c0574d83d" providerId="ADAL" clId="{FF34E82E-70A5-47A1-988E-8EC70675C3B6}" dt="2022-08-12T09:28:01.034" v="1833" actId="478"/>
          <ac:picMkLst>
            <pc:docMk/>
            <pc:sldMk cId="2866763072" sldId="564"/>
            <ac:picMk id="5" creationId="{4B68071F-FC3D-FDEB-9FBC-0CC96E9E697B}"/>
          </ac:picMkLst>
        </pc:picChg>
        <pc:picChg chg="add mod">
          <ac:chgData name="Matias Vázquez Piñón" userId="2f86a967-3c9c-4a39-b538-7e6c0574d83d" providerId="ADAL" clId="{FF34E82E-70A5-47A1-988E-8EC70675C3B6}" dt="2022-08-12T09:28:31.742" v="1841" actId="1076"/>
          <ac:picMkLst>
            <pc:docMk/>
            <pc:sldMk cId="2866763072" sldId="564"/>
            <ac:picMk id="7" creationId="{105D1248-ED93-FCBF-0F8F-7962C6674B24}"/>
          </ac:picMkLst>
        </pc:picChg>
      </pc:sldChg>
      <pc:sldMasterChg chg="modSp mod modSldLayout">
        <pc:chgData name="Matias Vázquez Piñón" userId="2f86a967-3c9c-4a39-b538-7e6c0574d83d" providerId="ADAL" clId="{FF34E82E-70A5-47A1-988E-8EC70675C3B6}" dt="2022-07-11T10:20:32.968" v="230" actId="27028"/>
        <pc:sldMasterMkLst>
          <pc:docMk/>
          <pc:sldMasterMk cId="2454702602" sldId="2147483662"/>
        </pc:sldMasterMkLst>
        <pc:spChg chg="mod">
          <ac:chgData name="Matias Vázquez Piñón" userId="2f86a967-3c9c-4a39-b538-7e6c0574d83d" providerId="ADAL" clId="{FF34E82E-70A5-47A1-988E-8EC70675C3B6}" dt="2022-07-11T10:12:20.577" v="163" actId="1076"/>
          <ac:spMkLst>
            <pc:docMk/>
            <pc:sldMasterMk cId="2454702602" sldId="2147483662"/>
            <ac:spMk id="11" creationId="{FFFFD011-0D94-46EE-B45C-787FE82C3B5E}"/>
          </ac:spMkLst>
        </pc:spChg>
        <pc:sldLayoutChg chg="replId">
          <pc:chgData name="Matias Vázquez Piñón" userId="2f86a967-3c9c-4a39-b538-7e6c0574d83d" providerId="ADAL" clId="{FF34E82E-70A5-47A1-988E-8EC70675C3B6}" dt="2022-07-11T10:20:32.968" v="230" actId="27028"/>
          <pc:sldLayoutMkLst>
            <pc:docMk/>
            <pc:sldMasterMk cId="2454702602" sldId="2147483662"/>
            <pc:sldLayoutMk cId="2669264705" sldId="2147483679"/>
          </pc:sldLayoutMkLst>
        </pc:sldLayoutChg>
        <pc:sldLayoutChg chg="replId">
          <pc:chgData name="Matias Vázquez Piñón" userId="2f86a967-3c9c-4a39-b538-7e6c0574d83d" providerId="ADAL" clId="{FF34E82E-70A5-47A1-988E-8EC70675C3B6}" dt="2022-07-11T10:20:32.968" v="230" actId="27028"/>
          <pc:sldLayoutMkLst>
            <pc:docMk/>
            <pc:sldMasterMk cId="2454702602" sldId="2147483662"/>
            <pc:sldLayoutMk cId="3496376187" sldId="2147483680"/>
          </pc:sldLayoutMkLst>
        </pc:sldLayoutChg>
      </pc:sldMasterChg>
      <pc:sldMasterChg chg="add del addSldLayout delSldLayout">
        <pc:chgData name="Matias Vázquez Piñón" userId="2f86a967-3c9c-4a39-b538-7e6c0574d83d" providerId="ADAL" clId="{FF34E82E-70A5-47A1-988E-8EC70675C3B6}" dt="2022-07-11T10:20:32.968" v="230" actId="27028"/>
        <pc:sldMasterMkLst>
          <pc:docMk/>
          <pc:sldMasterMk cId="2545789764" sldId="2147483667"/>
        </pc:sldMasterMkLst>
        <pc:sldLayoutChg chg="add del">
          <pc:chgData name="Matias Vázquez Piñón" userId="2f86a967-3c9c-4a39-b538-7e6c0574d83d" providerId="ADAL" clId="{FF34E82E-70A5-47A1-988E-8EC70675C3B6}" dt="2022-07-11T10:20:32.968" v="230" actId="27028"/>
          <pc:sldLayoutMkLst>
            <pc:docMk/>
            <pc:sldMasterMk cId="2545789764" sldId="2147483667"/>
            <pc:sldLayoutMk cId="1879496355" sldId="2147483669"/>
          </pc:sldLayoutMkLst>
        </pc:sldLayoutChg>
      </pc:sldMasterChg>
    </pc:docChg>
  </pc:docChgLst>
  <pc:docChgLst>
    <pc:chgData name="Matias Vázquez Piñón" userId="2f86a967-3c9c-4a39-b538-7e6c0574d83d" providerId="ADAL" clId="{1A0B60B4-5995-4B42-BC87-125A2EA062BE}"/>
    <pc:docChg chg="undo custSel modSld">
      <pc:chgData name="Matias Vázquez Piñón" userId="2f86a967-3c9c-4a39-b538-7e6c0574d83d" providerId="ADAL" clId="{1A0B60B4-5995-4B42-BC87-125A2EA062BE}" dt="2022-08-09T19:11:01.546" v="328"/>
      <pc:docMkLst>
        <pc:docMk/>
      </pc:docMkLst>
      <pc:sldChg chg="addSp delSp modSp">
        <pc:chgData name="Matias Vázquez Piñón" userId="2f86a967-3c9c-4a39-b538-7e6c0574d83d" providerId="ADAL" clId="{1A0B60B4-5995-4B42-BC87-125A2EA062BE}" dt="2022-08-09T19:11:01.546" v="328"/>
        <pc:sldMkLst>
          <pc:docMk/>
          <pc:sldMk cId="1300491009" sldId="554"/>
        </pc:sldMkLst>
        <pc:spChg chg="del">
          <ac:chgData name="Matias Vázquez Piñón" userId="2f86a967-3c9c-4a39-b538-7e6c0574d83d" providerId="ADAL" clId="{1A0B60B4-5995-4B42-BC87-125A2EA062BE}" dt="2022-08-09T10:27:15.101" v="0" actId="478"/>
          <ac:spMkLst>
            <pc:docMk/>
            <pc:sldMk cId="1300491009" sldId="554"/>
            <ac:spMk id="3" creationId="{2DB92B9A-F974-619E-503A-655DADFF6FE8}"/>
          </ac:spMkLst>
        </pc:spChg>
        <pc:spChg chg="add mod">
          <ac:chgData name="Matias Vázquez Piñón" userId="2f86a967-3c9c-4a39-b538-7e6c0574d83d" providerId="ADAL" clId="{1A0B60B4-5995-4B42-BC87-125A2EA062BE}" dt="2022-08-09T10:29:48.735" v="53" actId="20577"/>
          <ac:spMkLst>
            <pc:docMk/>
            <pc:sldMk cId="1300491009" sldId="554"/>
            <ac:spMk id="44" creationId="{0EBB4B8A-55D4-4CAB-6E27-0AFE3B16F42A}"/>
          </ac:spMkLst>
        </pc:spChg>
        <pc:inkChg chg="add del">
          <ac:chgData name="Matias Vázquez Piñón" userId="2f86a967-3c9c-4a39-b538-7e6c0574d83d" providerId="ADAL" clId="{1A0B60B4-5995-4B42-BC87-125A2EA062BE}" dt="2022-08-09T19:09:10.510" v="270"/>
          <ac:inkMkLst>
            <pc:docMk/>
            <pc:sldMk cId="1300491009" sldId="554"/>
            <ac:inkMk id="3" creationId="{3E71C6A6-56F2-5D77-7517-6233C66CBDCD}"/>
          </ac:inkMkLst>
        </pc:inkChg>
        <pc:inkChg chg="add del">
          <ac:chgData name="Matias Vázquez Piñón" userId="2f86a967-3c9c-4a39-b538-7e6c0574d83d" providerId="ADAL" clId="{1A0B60B4-5995-4B42-BC87-125A2EA062BE}" dt="2022-08-09T10:34:29.508" v="141"/>
          <ac:inkMkLst>
            <pc:docMk/>
            <pc:sldMk cId="1300491009" sldId="554"/>
            <ac:inkMk id="3" creationId="{5E19F393-0F4B-ABFF-6E80-B1A06C62A543}"/>
          </ac:inkMkLst>
        </pc:inkChg>
        <pc:inkChg chg="add del">
          <ac:chgData name="Matias Vázquez Piñón" userId="2f86a967-3c9c-4a39-b538-7e6c0574d83d" providerId="ADAL" clId="{1A0B60B4-5995-4B42-BC87-125A2EA062BE}" dt="2022-08-09T19:09:10.510" v="270"/>
          <ac:inkMkLst>
            <pc:docMk/>
            <pc:sldMk cId="1300491009" sldId="554"/>
            <ac:inkMk id="5" creationId="{7CC24900-349D-D171-61E3-CB7903CE7ECD}"/>
          </ac:inkMkLst>
        </pc:inkChg>
        <pc:inkChg chg="add del">
          <ac:chgData name="Matias Vázquez Piñón" userId="2f86a967-3c9c-4a39-b538-7e6c0574d83d" providerId="ADAL" clId="{1A0B60B4-5995-4B42-BC87-125A2EA062BE}" dt="2022-08-09T10:33:56.918" v="121"/>
          <ac:inkMkLst>
            <pc:docMk/>
            <pc:sldMk cId="1300491009" sldId="554"/>
            <ac:inkMk id="5" creationId="{F40CDFE8-9981-20EC-37E4-0F486AA37F01}"/>
          </ac:inkMkLst>
        </pc:inkChg>
        <pc:inkChg chg="add del">
          <ac:chgData name="Matias Vázquez Piñón" userId="2f86a967-3c9c-4a39-b538-7e6c0574d83d" providerId="ADAL" clId="{1A0B60B4-5995-4B42-BC87-125A2EA062BE}" dt="2022-08-09T10:34:29.508" v="141"/>
          <ac:inkMkLst>
            <pc:docMk/>
            <pc:sldMk cId="1300491009" sldId="554"/>
            <ac:inkMk id="6" creationId="{0B0237B5-F82D-1B70-8ABE-CF0AE9645274}"/>
          </ac:inkMkLst>
        </pc:inkChg>
        <pc:inkChg chg="add del">
          <ac:chgData name="Matias Vázquez Piñón" userId="2f86a967-3c9c-4a39-b538-7e6c0574d83d" providerId="ADAL" clId="{1A0B60B4-5995-4B42-BC87-125A2EA062BE}" dt="2022-08-09T10:28:21.277" v="6"/>
          <ac:inkMkLst>
            <pc:docMk/>
            <pc:sldMk cId="1300491009" sldId="554"/>
            <ac:inkMk id="6" creationId="{547FD185-2DF2-790A-6B0A-0245A33B2233}"/>
          </ac:inkMkLst>
        </pc:inkChg>
        <pc:inkChg chg="add del">
          <ac:chgData name="Matias Vázquez Piñón" userId="2f86a967-3c9c-4a39-b538-7e6c0574d83d" providerId="ADAL" clId="{1A0B60B4-5995-4B42-BC87-125A2EA062BE}" dt="2022-08-09T19:09:10.510" v="270"/>
          <ac:inkMkLst>
            <pc:docMk/>
            <pc:sldMk cId="1300491009" sldId="554"/>
            <ac:inkMk id="6" creationId="{C88C1191-255F-5E8F-A6E4-2E3DF6D91DAA}"/>
          </ac:inkMkLst>
        </pc:inkChg>
        <pc:inkChg chg="add del">
          <ac:chgData name="Matias Vázquez Piñón" userId="2f86a967-3c9c-4a39-b538-7e6c0574d83d" providerId="ADAL" clId="{1A0B60B4-5995-4B42-BC87-125A2EA062BE}" dt="2022-08-09T19:09:10.510" v="270"/>
          <ac:inkMkLst>
            <pc:docMk/>
            <pc:sldMk cId="1300491009" sldId="554"/>
            <ac:inkMk id="7" creationId="{4AECE443-BA6A-15E5-F69D-EF5203946CBB}"/>
          </ac:inkMkLst>
        </pc:inkChg>
        <pc:inkChg chg="add del">
          <ac:chgData name="Matias Vázquez Piñón" userId="2f86a967-3c9c-4a39-b538-7e6c0574d83d" providerId="ADAL" clId="{1A0B60B4-5995-4B42-BC87-125A2EA062BE}" dt="2022-08-09T10:34:29.508" v="141"/>
          <ac:inkMkLst>
            <pc:docMk/>
            <pc:sldMk cId="1300491009" sldId="554"/>
            <ac:inkMk id="7" creationId="{91D0AAF8-7724-D7BB-B90C-3E8FF2ECEB2A}"/>
          </ac:inkMkLst>
        </pc:inkChg>
        <pc:inkChg chg="add del">
          <ac:chgData name="Matias Vázquez Piñón" userId="2f86a967-3c9c-4a39-b538-7e6c0574d83d" providerId="ADAL" clId="{1A0B60B4-5995-4B42-BC87-125A2EA062BE}" dt="2022-08-09T10:28:21.277" v="6"/>
          <ac:inkMkLst>
            <pc:docMk/>
            <pc:sldMk cId="1300491009" sldId="554"/>
            <ac:inkMk id="7" creationId="{C68D50F0-DE09-CAF8-2441-ECF7679CA45C}"/>
          </ac:inkMkLst>
        </pc:inkChg>
        <pc:inkChg chg="add del">
          <ac:chgData name="Matias Vázquez Piñón" userId="2f86a967-3c9c-4a39-b538-7e6c0574d83d" providerId="ADAL" clId="{1A0B60B4-5995-4B42-BC87-125A2EA062BE}" dt="2022-08-09T19:09:10.510" v="270"/>
          <ac:inkMkLst>
            <pc:docMk/>
            <pc:sldMk cId="1300491009" sldId="554"/>
            <ac:inkMk id="8" creationId="{41429B99-19AE-68D3-E49A-49406A3914A8}"/>
          </ac:inkMkLst>
        </pc:inkChg>
        <pc:inkChg chg="add del">
          <ac:chgData name="Matias Vázquez Piñón" userId="2f86a967-3c9c-4a39-b538-7e6c0574d83d" providerId="ADAL" clId="{1A0B60B4-5995-4B42-BC87-125A2EA062BE}" dt="2022-08-09T10:28:21.277" v="6"/>
          <ac:inkMkLst>
            <pc:docMk/>
            <pc:sldMk cId="1300491009" sldId="554"/>
            <ac:inkMk id="8" creationId="{9E4E50BE-D890-874D-706D-7CF29509D5DC}"/>
          </ac:inkMkLst>
        </pc:inkChg>
        <pc:inkChg chg="add del">
          <ac:chgData name="Matias Vázquez Piñón" userId="2f86a967-3c9c-4a39-b538-7e6c0574d83d" providerId="ADAL" clId="{1A0B60B4-5995-4B42-BC87-125A2EA062BE}" dt="2022-08-09T10:34:29.508" v="141"/>
          <ac:inkMkLst>
            <pc:docMk/>
            <pc:sldMk cId="1300491009" sldId="554"/>
            <ac:inkMk id="8" creationId="{A4EE5B1E-4E56-835A-A468-1FB5A8D286EA}"/>
          </ac:inkMkLst>
        </pc:inkChg>
        <pc:inkChg chg="add del">
          <ac:chgData name="Matias Vázquez Piñón" userId="2f86a967-3c9c-4a39-b538-7e6c0574d83d" providerId="ADAL" clId="{1A0B60B4-5995-4B42-BC87-125A2EA062BE}" dt="2022-08-09T10:28:21.277" v="6"/>
          <ac:inkMkLst>
            <pc:docMk/>
            <pc:sldMk cId="1300491009" sldId="554"/>
            <ac:inkMk id="9" creationId="{0BA23E2D-BBC0-EEC4-9D07-BB13F2126504}"/>
          </ac:inkMkLst>
        </pc:inkChg>
        <pc:inkChg chg="add del">
          <ac:chgData name="Matias Vázquez Piñón" userId="2f86a967-3c9c-4a39-b538-7e6c0574d83d" providerId="ADAL" clId="{1A0B60B4-5995-4B42-BC87-125A2EA062BE}" dt="2022-08-09T19:09:10.510" v="270"/>
          <ac:inkMkLst>
            <pc:docMk/>
            <pc:sldMk cId="1300491009" sldId="554"/>
            <ac:inkMk id="9" creationId="{59F09C0C-034E-5E8E-056C-1BBA1CFB13D7}"/>
          </ac:inkMkLst>
        </pc:inkChg>
        <pc:inkChg chg="add del">
          <ac:chgData name="Matias Vázquez Piñón" userId="2f86a967-3c9c-4a39-b538-7e6c0574d83d" providerId="ADAL" clId="{1A0B60B4-5995-4B42-BC87-125A2EA062BE}" dt="2022-08-09T10:34:29.508" v="141"/>
          <ac:inkMkLst>
            <pc:docMk/>
            <pc:sldMk cId="1300491009" sldId="554"/>
            <ac:inkMk id="9" creationId="{A33000C8-8446-B9E5-E472-49F042942279}"/>
          </ac:inkMkLst>
        </pc:inkChg>
        <pc:inkChg chg="add del">
          <ac:chgData name="Matias Vázquez Piñón" userId="2f86a967-3c9c-4a39-b538-7e6c0574d83d" providerId="ADAL" clId="{1A0B60B4-5995-4B42-BC87-125A2EA062BE}" dt="2022-08-09T10:34:29.508" v="141"/>
          <ac:inkMkLst>
            <pc:docMk/>
            <pc:sldMk cId="1300491009" sldId="554"/>
            <ac:inkMk id="10" creationId="{5851C415-B8BF-2F5C-AD9D-10F8CFB3D764}"/>
          </ac:inkMkLst>
        </pc:inkChg>
        <pc:inkChg chg="add del reco">
          <ac:chgData name="Matias Vázquez Piñón" userId="2f86a967-3c9c-4a39-b538-7e6c0574d83d" providerId="ADAL" clId="{1A0B60B4-5995-4B42-BC87-125A2EA062BE}" dt="2022-08-09T10:28:26.882" v="7"/>
          <ac:inkMkLst>
            <pc:docMk/>
            <pc:sldMk cId="1300491009" sldId="554"/>
            <ac:inkMk id="10" creationId="{66E6E855-94A7-6D19-1D2B-FF6B750F477C}"/>
          </ac:inkMkLst>
        </pc:inkChg>
        <pc:inkChg chg="add del reco">
          <ac:chgData name="Matias Vázquez Piñón" userId="2f86a967-3c9c-4a39-b538-7e6c0574d83d" providerId="ADAL" clId="{1A0B60B4-5995-4B42-BC87-125A2EA062BE}" dt="2022-08-09T19:09:30.762" v="289"/>
          <ac:inkMkLst>
            <pc:docMk/>
            <pc:sldMk cId="1300491009" sldId="554"/>
            <ac:inkMk id="10" creationId="{90EBF3C4-BA2C-E7CF-382A-510B80D0F2AA}"/>
          </ac:inkMkLst>
        </pc:inkChg>
        <pc:inkChg chg="add del">
          <ac:chgData name="Matias Vázquez Piñón" userId="2f86a967-3c9c-4a39-b538-7e6c0574d83d" providerId="ADAL" clId="{1A0B60B4-5995-4B42-BC87-125A2EA062BE}" dt="2022-08-09T19:09:14.695" v="277"/>
          <ac:inkMkLst>
            <pc:docMk/>
            <pc:sldMk cId="1300491009" sldId="554"/>
            <ac:inkMk id="11" creationId="{35CC0E8C-FA99-0210-F22C-12606968B8E6}"/>
          </ac:inkMkLst>
        </pc:inkChg>
        <pc:inkChg chg="add del">
          <ac:chgData name="Matias Vázquez Piñón" userId="2f86a967-3c9c-4a39-b538-7e6c0574d83d" providerId="ADAL" clId="{1A0B60B4-5995-4B42-BC87-125A2EA062BE}" dt="2022-08-09T10:28:39.931" v="17"/>
          <ac:inkMkLst>
            <pc:docMk/>
            <pc:sldMk cId="1300491009" sldId="554"/>
            <ac:inkMk id="11" creationId="{4DE6B8EB-AAE3-8524-B5E8-E36BCAB1EA7C}"/>
          </ac:inkMkLst>
        </pc:inkChg>
        <pc:inkChg chg="add del">
          <ac:chgData name="Matias Vázquez Piñón" userId="2f86a967-3c9c-4a39-b538-7e6c0574d83d" providerId="ADAL" clId="{1A0B60B4-5995-4B42-BC87-125A2EA062BE}" dt="2022-08-09T10:34:29.508" v="141"/>
          <ac:inkMkLst>
            <pc:docMk/>
            <pc:sldMk cId="1300491009" sldId="554"/>
            <ac:inkMk id="11" creationId="{DE292A57-9CDD-9BF3-98BB-B181F0BD5377}"/>
          </ac:inkMkLst>
        </pc:inkChg>
        <pc:inkChg chg="add del">
          <ac:chgData name="Matias Vázquez Piñón" userId="2f86a967-3c9c-4a39-b538-7e6c0574d83d" providerId="ADAL" clId="{1A0B60B4-5995-4B42-BC87-125A2EA062BE}" dt="2022-08-09T19:09:14.695" v="277"/>
          <ac:inkMkLst>
            <pc:docMk/>
            <pc:sldMk cId="1300491009" sldId="554"/>
            <ac:inkMk id="12" creationId="{09C9AB0D-BC54-BCEC-6B63-B8C3E7024EE0}"/>
          </ac:inkMkLst>
        </pc:inkChg>
        <pc:inkChg chg="add reco">
          <ac:chgData name="Matias Vázquez Piñón" userId="2f86a967-3c9c-4a39-b538-7e6c0574d83d" providerId="ADAL" clId="{1A0B60B4-5995-4B42-BC87-125A2EA062BE}" dt="2022-08-09T10:34:29.508" v="141"/>
          <ac:inkMkLst>
            <pc:docMk/>
            <pc:sldMk cId="1300491009" sldId="554"/>
            <ac:inkMk id="12" creationId="{1655FB21-B38E-0ECD-0E07-F39A855B3C33}"/>
          </ac:inkMkLst>
        </pc:inkChg>
        <pc:inkChg chg="add del">
          <ac:chgData name="Matias Vázquez Piñón" userId="2f86a967-3c9c-4a39-b538-7e6c0574d83d" providerId="ADAL" clId="{1A0B60B4-5995-4B42-BC87-125A2EA062BE}" dt="2022-08-09T10:28:39.931" v="17"/>
          <ac:inkMkLst>
            <pc:docMk/>
            <pc:sldMk cId="1300491009" sldId="554"/>
            <ac:inkMk id="12" creationId="{AD6A6F30-4D45-5846-66CC-2987DF15620F}"/>
          </ac:inkMkLst>
        </pc:inkChg>
        <pc:inkChg chg="add del">
          <ac:chgData name="Matias Vázquez Piñón" userId="2f86a967-3c9c-4a39-b538-7e6c0574d83d" providerId="ADAL" clId="{1A0B60B4-5995-4B42-BC87-125A2EA062BE}" dt="2022-08-09T19:09:14.695" v="277"/>
          <ac:inkMkLst>
            <pc:docMk/>
            <pc:sldMk cId="1300491009" sldId="554"/>
            <ac:inkMk id="13" creationId="{082B7082-7B7E-F168-F054-842D8B1D80F3}"/>
          </ac:inkMkLst>
        </pc:inkChg>
        <pc:inkChg chg="add del">
          <ac:chgData name="Matias Vázquez Piñón" userId="2f86a967-3c9c-4a39-b538-7e6c0574d83d" providerId="ADAL" clId="{1A0B60B4-5995-4B42-BC87-125A2EA062BE}" dt="2022-08-09T10:34:31.830" v="144"/>
          <ac:inkMkLst>
            <pc:docMk/>
            <pc:sldMk cId="1300491009" sldId="554"/>
            <ac:inkMk id="13" creationId="{2BBA9401-8BEA-99BB-1ABA-2E86E6D1BB18}"/>
          </ac:inkMkLst>
        </pc:inkChg>
        <pc:inkChg chg="add del">
          <ac:chgData name="Matias Vázquez Piñón" userId="2f86a967-3c9c-4a39-b538-7e6c0574d83d" providerId="ADAL" clId="{1A0B60B4-5995-4B42-BC87-125A2EA062BE}" dt="2022-08-09T10:28:39.931" v="17"/>
          <ac:inkMkLst>
            <pc:docMk/>
            <pc:sldMk cId="1300491009" sldId="554"/>
            <ac:inkMk id="13" creationId="{E9918777-4749-02E5-A298-DE5CCE05EBD5}"/>
          </ac:inkMkLst>
        </pc:inkChg>
        <pc:inkChg chg="add del">
          <ac:chgData name="Matias Vázquez Piñón" userId="2f86a967-3c9c-4a39-b538-7e6c0574d83d" providerId="ADAL" clId="{1A0B60B4-5995-4B42-BC87-125A2EA062BE}" dt="2022-08-09T19:09:14.695" v="277"/>
          <ac:inkMkLst>
            <pc:docMk/>
            <pc:sldMk cId="1300491009" sldId="554"/>
            <ac:inkMk id="14" creationId="{630AE746-4561-B7A4-D562-C1C2F53072B0}"/>
          </ac:inkMkLst>
        </pc:inkChg>
        <pc:inkChg chg="add del">
          <ac:chgData name="Matias Vázquez Piñón" userId="2f86a967-3c9c-4a39-b538-7e6c0574d83d" providerId="ADAL" clId="{1A0B60B4-5995-4B42-BC87-125A2EA062BE}" dt="2022-08-09T10:34:31.830" v="144"/>
          <ac:inkMkLst>
            <pc:docMk/>
            <pc:sldMk cId="1300491009" sldId="554"/>
            <ac:inkMk id="14" creationId="{D8703913-E366-5C7F-F091-42830991F341}"/>
          </ac:inkMkLst>
        </pc:inkChg>
        <pc:inkChg chg="add del">
          <ac:chgData name="Matias Vázquez Piñón" userId="2f86a967-3c9c-4a39-b538-7e6c0574d83d" providerId="ADAL" clId="{1A0B60B4-5995-4B42-BC87-125A2EA062BE}" dt="2022-08-09T10:28:39.931" v="17"/>
          <ac:inkMkLst>
            <pc:docMk/>
            <pc:sldMk cId="1300491009" sldId="554"/>
            <ac:inkMk id="14" creationId="{FC716C01-5862-B251-C775-13A90E47A7AD}"/>
          </ac:inkMkLst>
        </pc:inkChg>
        <pc:inkChg chg="add del">
          <ac:chgData name="Matias Vázquez Piñón" userId="2f86a967-3c9c-4a39-b538-7e6c0574d83d" providerId="ADAL" clId="{1A0B60B4-5995-4B42-BC87-125A2EA062BE}" dt="2022-08-09T10:28:39.931" v="17"/>
          <ac:inkMkLst>
            <pc:docMk/>
            <pc:sldMk cId="1300491009" sldId="554"/>
            <ac:inkMk id="15" creationId="{04FB4141-30A5-23C8-5A56-A6EF7C9510DF}"/>
          </ac:inkMkLst>
        </pc:inkChg>
        <pc:inkChg chg="add reco">
          <ac:chgData name="Matias Vázquez Piñón" userId="2f86a967-3c9c-4a39-b538-7e6c0574d83d" providerId="ADAL" clId="{1A0B60B4-5995-4B42-BC87-125A2EA062BE}" dt="2022-08-09T10:34:31.830" v="144"/>
          <ac:inkMkLst>
            <pc:docMk/>
            <pc:sldMk cId="1300491009" sldId="554"/>
            <ac:inkMk id="15" creationId="{7B6429FC-A6C2-154D-AEFD-F39753D0BFE5}"/>
          </ac:inkMkLst>
        </pc:inkChg>
        <pc:inkChg chg="add del">
          <ac:chgData name="Matias Vázquez Piñón" userId="2f86a967-3c9c-4a39-b538-7e6c0574d83d" providerId="ADAL" clId="{1A0B60B4-5995-4B42-BC87-125A2EA062BE}" dt="2022-08-09T19:09:14.695" v="277"/>
          <ac:inkMkLst>
            <pc:docMk/>
            <pc:sldMk cId="1300491009" sldId="554"/>
            <ac:inkMk id="15" creationId="{ADDDAB12-B15A-6D33-9D9F-BC88E533211E}"/>
          </ac:inkMkLst>
        </pc:inkChg>
        <pc:inkChg chg="add del">
          <ac:chgData name="Matias Vázquez Piñón" userId="2f86a967-3c9c-4a39-b538-7e6c0574d83d" providerId="ADAL" clId="{1A0B60B4-5995-4B42-BC87-125A2EA062BE}" dt="2022-08-09T19:09:14.695" v="277"/>
          <ac:inkMkLst>
            <pc:docMk/>
            <pc:sldMk cId="1300491009" sldId="554"/>
            <ac:inkMk id="16" creationId="{161636AF-8015-C0C8-6F3D-6D0D0162E4C9}"/>
          </ac:inkMkLst>
        </pc:inkChg>
        <pc:inkChg chg="add del">
          <ac:chgData name="Matias Vázquez Piñón" userId="2f86a967-3c9c-4a39-b538-7e6c0574d83d" providerId="ADAL" clId="{1A0B60B4-5995-4B42-BC87-125A2EA062BE}" dt="2022-08-09T10:34:34.040" v="149"/>
          <ac:inkMkLst>
            <pc:docMk/>
            <pc:sldMk cId="1300491009" sldId="554"/>
            <ac:inkMk id="16" creationId="{BD4E2FF5-6586-2CD3-59FB-6139DE57B547}"/>
          </ac:inkMkLst>
        </pc:inkChg>
        <pc:inkChg chg="add del">
          <ac:chgData name="Matias Vázquez Piñón" userId="2f86a967-3c9c-4a39-b538-7e6c0574d83d" providerId="ADAL" clId="{1A0B60B4-5995-4B42-BC87-125A2EA062BE}" dt="2022-08-09T10:28:39.931" v="17"/>
          <ac:inkMkLst>
            <pc:docMk/>
            <pc:sldMk cId="1300491009" sldId="554"/>
            <ac:inkMk id="16" creationId="{FA55A8D3-1DC9-437F-40CD-B1C4EB79F244}"/>
          </ac:inkMkLst>
        </pc:inkChg>
        <pc:inkChg chg="add del">
          <ac:chgData name="Matias Vázquez Piñón" userId="2f86a967-3c9c-4a39-b538-7e6c0574d83d" providerId="ADAL" clId="{1A0B60B4-5995-4B42-BC87-125A2EA062BE}" dt="2022-08-09T10:34:34.040" v="149"/>
          <ac:inkMkLst>
            <pc:docMk/>
            <pc:sldMk cId="1300491009" sldId="554"/>
            <ac:inkMk id="17" creationId="{0BB3C955-7DFA-A16F-9DBD-818A0150C7DF}"/>
          </ac:inkMkLst>
        </pc:inkChg>
        <pc:inkChg chg="add del reco">
          <ac:chgData name="Matias Vázquez Piñón" userId="2f86a967-3c9c-4a39-b538-7e6c0574d83d" providerId="ADAL" clId="{1A0B60B4-5995-4B42-BC87-125A2EA062BE}" dt="2022-08-09T19:09:30.769" v="292"/>
          <ac:inkMkLst>
            <pc:docMk/>
            <pc:sldMk cId="1300491009" sldId="554"/>
            <ac:inkMk id="17" creationId="{0CEFAA35-D397-CB55-C0E3-9EE999339935}"/>
          </ac:inkMkLst>
        </pc:inkChg>
        <pc:inkChg chg="add del">
          <ac:chgData name="Matias Vázquez Piñón" userId="2f86a967-3c9c-4a39-b538-7e6c0574d83d" providerId="ADAL" clId="{1A0B60B4-5995-4B42-BC87-125A2EA062BE}" dt="2022-08-09T10:28:39.931" v="17"/>
          <ac:inkMkLst>
            <pc:docMk/>
            <pc:sldMk cId="1300491009" sldId="554"/>
            <ac:inkMk id="17" creationId="{C9261017-081F-D571-855E-D9C9E4F029E4}"/>
          </ac:inkMkLst>
        </pc:inkChg>
        <pc:inkChg chg="add del">
          <ac:chgData name="Matias Vázquez Piñón" userId="2f86a967-3c9c-4a39-b538-7e6c0574d83d" providerId="ADAL" clId="{1A0B60B4-5995-4B42-BC87-125A2EA062BE}" dt="2022-08-09T10:34:34.040" v="149"/>
          <ac:inkMkLst>
            <pc:docMk/>
            <pc:sldMk cId="1300491009" sldId="554"/>
            <ac:inkMk id="18" creationId="{7BF61ADD-9B5B-7439-3273-E429E5BCC664}"/>
          </ac:inkMkLst>
        </pc:inkChg>
        <pc:inkChg chg="add del">
          <ac:chgData name="Matias Vázquez Piñón" userId="2f86a967-3c9c-4a39-b538-7e6c0574d83d" providerId="ADAL" clId="{1A0B60B4-5995-4B42-BC87-125A2EA062BE}" dt="2022-08-09T19:09:18.710" v="283"/>
          <ac:inkMkLst>
            <pc:docMk/>
            <pc:sldMk cId="1300491009" sldId="554"/>
            <ac:inkMk id="18" creationId="{A4E1DDD1-A5D5-5863-9251-FDE666223E80}"/>
          </ac:inkMkLst>
        </pc:inkChg>
        <pc:inkChg chg="add del">
          <ac:chgData name="Matias Vázquez Piñón" userId="2f86a967-3c9c-4a39-b538-7e6c0574d83d" providerId="ADAL" clId="{1A0B60B4-5995-4B42-BC87-125A2EA062BE}" dt="2022-08-09T10:28:39.931" v="17"/>
          <ac:inkMkLst>
            <pc:docMk/>
            <pc:sldMk cId="1300491009" sldId="554"/>
            <ac:inkMk id="18" creationId="{FC5B40AC-8BA2-84ED-AB1C-C89F56E9242A}"/>
          </ac:inkMkLst>
        </pc:inkChg>
        <pc:inkChg chg="add del">
          <ac:chgData name="Matias Vázquez Piñón" userId="2f86a967-3c9c-4a39-b538-7e6c0574d83d" providerId="ADAL" clId="{1A0B60B4-5995-4B42-BC87-125A2EA062BE}" dt="2022-08-09T19:09:18.710" v="283"/>
          <ac:inkMkLst>
            <pc:docMk/>
            <pc:sldMk cId="1300491009" sldId="554"/>
            <ac:inkMk id="19" creationId="{B333B0EC-9CA5-B7EF-A6DA-7C1AA9313971}"/>
          </ac:inkMkLst>
        </pc:inkChg>
        <pc:inkChg chg="add del">
          <ac:chgData name="Matias Vázquez Piñón" userId="2f86a967-3c9c-4a39-b538-7e6c0574d83d" providerId="ADAL" clId="{1A0B60B4-5995-4B42-BC87-125A2EA062BE}" dt="2022-08-09T10:28:39.931" v="17"/>
          <ac:inkMkLst>
            <pc:docMk/>
            <pc:sldMk cId="1300491009" sldId="554"/>
            <ac:inkMk id="19" creationId="{B4896202-DCB5-2D54-2AF1-BB27FD7109D0}"/>
          </ac:inkMkLst>
        </pc:inkChg>
        <pc:inkChg chg="add del">
          <ac:chgData name="Matias Vázquez Piñón" userId="2f86a967-3c9c-4a39-b538-7e6c0574d83d" providerId="ADAL" clId="{1A0B60B4-5995-4B42-BC87-125A2EA062BE}" dt="2022-08-09T10:34:34.040" v="149"/>
          <ac:inkMkLst>
            <pc:docMk/>
            <pc:sldMk cId="1300491009" sldId="554"/>
            <ac:inkMk id="19" creationId="{B90C0CFE-93E9-70A6-8F63-BB406E59C939}"/>
          </ac:inkMkLst>
        </pc:inkChg>
        <pc:inkChg chg="add del">
          <ac:chgData name="Matias Vázquez Piñón" userId="2f86a967-3c9c-4a39-b538-7e6c0574d83d" providerId="ADAL" clId="{1A0B60B4-5995-4B42-BC87-125A2EA062BE}" dt="2022-08-09T19:09:18.710" v="283"/>
          <ac:inkMkLst>
            <pc:docMk/>
            <pc:sldMk cId="1300491009" sldId="554"/>
            <ac:inkMk id="20" creationId="{1A4578D9-057E-B108-F79A-CE49936AF91A}"/>
          </ac:inkMkLst>
        </pc:inkChg>
        <pc:inkChg chg="add reco">
          <ac:chgData name="Matias Vázquez Piñón" userId="2f86a967-3c9c-4a39-b538-7e6c0574d83d" providerId="ADAL" clId="{1A0B60B4-5995-4B42-BC87-125A2EA062BE}" dt="2022-08-09T10:34:34.040" v="149"/>
          <ac:inkMkLst>
            <pc:docMk/>
            <pc:sldMk cId="1300491009" sldId="554"/>
            <ac:inkMk id="20" creationId="{6B1A1855-C0F2-CAC3-A7F2-8D141B8D6E43}"/>
          </ac:inkMkLst>
        </pc:inkChg>
        <pc:inkChg chg="add del reco">
          <ac:chgData name="Matias Vázquez Piñón" userId="2f86a967-3c9c-4a39-b538-7e6c0574d83d" providerId="ADAL" clId="{1A0B60B4-5995-4B42-BC87-125A2EA062BE}" dt="2022-08-09T10:29:18.254" v="43"/>
          <ac:inkMkLst>
            <pc:docMk/>
            <pc:sldMk cId="1300491009" sldId="554"/>
            <ac:inkMk id="20" creationId="{76377FA8-35ED-BD82-C1CE-6683E6FD6171}"/>
          </ac:inkMkLst>
        </pc:inkChg>
        <pc:inkChg chg="add del">
          <ac:chgData name="Matias Vázquez Piñón" userId="2f86a967-3c9c-4a39-b538-7e6c0574d83d" providerId="ADAL" clId="{1A0B60B4-5995-4B42-BC87-125A2EA062BE}" dt="2022-08-09T19:09:18.710" v="283"/>
          <ac:inkMkLst>
            <pc:docMk/>
            <pc:sldMk cId="1300491009" sldId="554"/>
            <ac:inkMk id="21" creationId="{2AF0EE43-63CD-A166-8E81-09C68885B18B}"/>
          </ac:inkMkLst>
        </pc:inkChg>
        <pc:inkChg chg="add del">
          <ac:chgData name="Matias Vázquez Piñón" userId="2f86a967-3c9c-4a39-b538-7e6c0574d83d" providerId="ADAL" clId="{1A0B60B4-5995-4B42-BC87-125A2EA062BE}" dt="2022-08-09T10:28:46.239" v="25"/>
          <ac:inkMkLst>
            <pc:docMk/>
            <pc:sldMk cId="1300491009" sldId="554"/>
            <ac:inkMk id="21" creationId="{E88652F3-A9A6-247E-05B9-B36E4AE1F70E}"/>
          </ac:inkMkLst>
        </pc:inkChg>
        <pc:inkChg chg="add del">
          <ac:chgData name="Matias Vázquez Piñón" userId="2f86a967-3c9c-4a39-b538-7e6c0574d83d" providerId="ADAL" clId="{1A0B60B4-5995-4B42-BC87-125A2EA062BE}" dt="2022-08-09T10:34:36.033" v="152"/>
          <ac:inkMkLst>
            <pc:docMk/>
            <pc:sldMk cId="1300491009" sldId="554"/>
            <ac:inkMk id="21" creationId="{FB3418B4-3344-B46E-C7F0-6FD18BE84411}"/>
          </ac:inkMkLst>
        </pc:inkChg>
        <pc:inkChg chg="add del">
          <ac:chgData name="Matias Vázquez Piñón" userId="2f86a967-3c9c-4a39-b538-7e6c0574d83d" providerId="ADAL" clId="{1A0B60B4-5995-4B42-BC87-125A2EA062BE}" dt="2022-08-09T10:28:46.239" v="25"/>
          <ac:inkMkLst>
            <pc:docMk/>
            <pc:sldMk cId="1300491009" sldId="554"/>
            <ac:inkMk id="22" creationId="{09EF8568-D4FB-3084-C3E9-A77E626222CE}"/>
          </ac:inkMkLst>
        </pc:inkChg>
        <pc:inkChg chg="add del">
          <ac:chgData name="Matias Vázquez Piñón" userId="2f86a967-3c9c-4a39-b538-7e6c0574d83d" providerId="ADAL" clId="{1A0B60B4-5995-4B42-BC87-125A2EA062BE}" dt="2022-08-09T10:34:36.033" v="152"/>
          <ac:inkMkLst>
            <pc:docMk/>
            <pc:sldMk cId="1300491009" sldId="554"/>
            <ac:inkMk id="22" creationId="{3FD11300-AE0A-6A60-CF7C-B359E969D27E}"/>
          </ac:inkMkLst>
        </pc:inkChg>
        <pc:inkChg chg="add del">
          <ac:chgData name="Matias Vázquez Piñón" userId="2f86a967-3c9c-4a39-b538-7e6c0574d83d" providerId="ADAL" clId="{1A0B60B4-5995-4B42-BC87-125A2EA062BE}" dt="2022-08-09T19:09:18.710" v="283"/>
          <ac:inkMkLst>
            <pc:docMk/>
            <pc:sldMk cId="1300491009" sldId="554"/>
            <ac:inkMk id="22" creationId="{AEA07BA7-9C7B-A2C5-0D9D-59A6195C38BB}"/>
          </ac:inkMkLst>
        </pc:inkChg>
        <pc:inkChg chg="add del">
          <ac:chgData name="Matias Vázquez Piñón" userId="2f86a967-3c9c-4a39-b538-7e6c0574d83d" providerId="ADAL" clId="{1A0B60B4-5995-4B42-BC87-125A2EA062BE}" dt="2022-08-09T10:28:46.239" v="25"/>
          <ac:inkMkLst>
            <pc:docMk/>
            <pc:sldMk cId="1300491009" sldId="554"/>
            <ac:inkMk id="23" creationId="{8C2DA549-CAF1-BC17-18EC-CCDEB249E0E2}"/>
          </ac:inkMkLst>
        </pc:inkChg>
        <pc:inkChg chg="add del reco">
          <ac:chgData name="Matias Vázquez Piñón" userId="2f86a967-3c9c-4a39-b538-7e6c0574d83d" providerId="ADAL" clId="{1A0B60B4-5995-4B42-BC87-125A2EA062BE}" dt="2022-08-09T19:09:30.765" v="290"/>
          <ac:inkMkLst>
            <pc:docMk/>
            <pc:sldMk cId="1300491009" sldId="554"/>
            <ac:inkMk id="23" creationId="{944948DD-88EE-DD55-1A90-22A333B3E02A}"/>
          </ac:inkMkLst>
        </pc:inkChg>
        <pc:inkChg chg="add reco">
          <ac:chgData name="Matias Vázquez Piñón" userId="2f86a967-3c9c-4a39-b538-7e6c0574d83d" providerId="ADAL" clId="{1A0B60B4-5995-4B42-BC87-125A2EA062BE}" dt="2022-08-09T10:34:36.033" v="152"/>
          <ac:inkMkLst>
            <pc:docMk/>
            <pc:sldMk cId="1300491009" sldId="554"/>
            <ac:inkMk id="23" creationId="{EBC75B2E-0F1A-46B4-ABA6-7A1D736A2C4E}"/>
          </ac:inkMkLst>
        </pc:inkChg>
        <pc:inkChg chg="add del">
          <ac:chgData name="Matias Vázquez Piñón" userId="2f86a967-3c9c-4a39-b538-7e6c0574d83d" providerId="ADAL" clId="{1A0B60B4-5995-4B42-BC87-125A2EA062BE}" dt="2022-08-09T10:28:46.239" v="25"/>
          <ac:inkMkLst>
            <pc:docMk/>
            <pc:sldMk cId="1300491009" sldId="554"/>
            <ac:inkMk id="24" creationId="{17AC0A4F-7539-BBB2-8ABE-8BA4F4A06FB5}"/>
          </ac:inkMkLst>
        </pc:inkChg>
        <pc:inkChg chg="add del">
          <ac:chgData name="Matias Vázquez Piñón" userId="2f86a967-3c9c-4a39-b538-7e6c0574d83d" providerId="ADAL" clId="{1A0B60B4-5995-4B42-BC87-125A2EA062BE}" dt="2022-08-09T10:34:39.858" v="158"/>
          <ac:inkMkLst>
            <pc:docMk/>
            <pc:sldMk cId="1300491009" sldId="554"/>
            <ac:inkMk id="24" creationId="{4782ED96-9DE4-F5C6-6B04-79DCFA0171E6}"/>
          </ac:inkMkLst>
        </pc:inkChg>
        <pc:inkChg chg="add del">
          <ac:chgData name="Matias Vázquez Piñón" userId="2f86a967-3c9c-4a39-b538-7e6c0574d83d" providerId="ADAL" clId="{1A0B60B4-5995-4B42-BC87-125A2EA062BE}" dt="2022-08-09T19:09:20.689" v="288"/>
          <ac:inkMkLst>
            <pc:docMk/>
            <pc:sldMk cId="1300491009" sldId="554"/>
            <ac:inkMk id="24" creationId="{EF122F20-C2C7-7464-ABE1-E28BA11B5B8F}"/>
          </ac:inkMkLst>
        </pc:inkChg>
        <pc:inkChg chg="add del">
          <ac:chgData name="Matias Vázquez Piñón" userId="2f86a967-3c9c-4a39-b538-7e6c0574d83d" providerId="ADAL" clId="{1A0B60B4-5995-4B42-BC87-125A2EA062BE}" dt="2022-08-09T19:09:20.689" v="288"/>
          <ac:inkMkLst>
            <pc:docMk/>
            <pc:sldMk cId="1300491009" sldId="554"/>
            <ac:inkMk id="25" creationId="{0CFA8D1F-D9D7-E5D5-788B-9921BD26F5A2}"/>
          </ac:inkMkLst>
        </pc:inkChg>
        <pc:inkChg chg="add del">
          <ac:chgData name="Matias Vázquez Piñón" userId="2f86a967-3c9c-4a39-b538-7e6c0574d83d" providerId="ADAL" clId="{1A0B60B4-5995-4B42-BC87-125A2EA062BE}" dt="2022-08-09T10:34:39.858" v="158"/>
          <ac:inkMkLst>
            <pc:docMk/>
            <pc:sldMk cId="1300491009" sldId="554"/>
            <ac:inkMk id="25" creationId="{CFBF44B3-1541-FCF2-D039-927C6A373697}"/>
          </ac:inkMkLst>
        </pc:inkChg>
        <pc:inkChg chg="add del">
          <ac:chgData name="Matias Vázquez Piñón" userId="2f86a967-3c9c-4a39-b538-7e6c0574d83d" providerId="ADAL" clId="{1A0B60B4-5995-4B42-BC87-125A2EA062BE}" dt="2022-08-09T10:28:46.239" v="25"/>
          <ac:inkMkLst>
            <pc:docMk/>
            <pc:sldMk cId="1300491009" sldId="554"/>
            <ac:inkMk id="25" creationId="{FE1ED332-31BE-0A9D-A77D-BAC6C58B7E5F}"/>
          </ac:inkMkLst>
        </pc:inkChg>
        <pc:inkChg chg="add del">
          <ac:chgData name="Matias Vázquez Piñón" userId="2f86a967-3c9c-4a39-b538-7e6c0574d83d" providerId="ADAL" clId="{1A0B60B4-5995-4B42-BC87-125A2EA062BE}" dt="2022-08-09T10:34:39.858" v="158"/>
          <ac:inkMkLst>
            <pc:docMk/>
            <pc:sldMk cId="1300491009" sldId="554"/>
            <ac:inkMk id="26" creationId="{82CE1FA6-A4F8-285D-9E01-CFBA3CE1F7F1}"/>
          </ac:inkMkLst>
        </pc:inkChg>
        <pc:inkChg chg="add del">
          <ac:chgData name="Matias Vázquez Piñón" userId="2f86a967-3c9c-4a39-b538-7e6c0574d83d" providerId="ADAL" clId="{1A0B60B4-5995-4B42-BC87-125A2EA062BE}" dt="2022-08-09T10:28:46.239" v="25"/>
          <ac:inkMkLst>
            <pc:docMk/>
            <pc:sldMk cId="1300491009" sldId="554"/>
            <ac:inkMk id="26" creationId="{DDD31B47-FB2D-E04C-4E82-E3B450A6E010}"/>
          </ac:inkMkLst>
        </pc:inkChg>
        <pc:inkChg chg="add del">
          <ac:chgData name="Matias Vázquez Piñón" userId="2f86a967-3c9c-4a39-b538-7e6c0574d83d" providerId="ADAL" clId="{1A0B60B4-5995-4B42-BC87-125A2EA062BE}" dt="2022-08-09T19:09:20.689" v="288"/>
          <ac:inkMkLst>
            <pc:docMk/>
            <pc:sldMk cId="1300491009" sldId="554"/>
            <ac:inkMk id="26" creationId="{FF739627-C317-95A9-1CD3-3004611B7435}"/>
          </ac:inkMkLst>
        </pc:inkChg>
        <pc:inkChg chg="add del">
          <ac:chgData name="Matias Vázquez Piñón" userId="2f86a967-3c9c-4a39-b538-7e6c0574d83d" providerId="ADAL" clId="{1A0B60B4-5995-4B42-BC87-125A2EA062BE}" dt="2022-08-09T10:34:39.858" v="158"/>
          <ac:inkMkLst>
            <pc:docMk/>
            <pc:sldMk cId="1300491009" sldId="554"/>
            <ac:inkMk id="27" creationId="{35EF6226-E3A5-0F6F-CE64-E11AD22C0CEF}"/>
          </ac:inkMkLst>
        </pc:inkChg>
        <pc:inkChg chg="add del">
          <ac:chgData name="Matias Vázquez Piñón" userId="2f86a967-3c9c-4a39-b538-7e6c0574d83d" providerId="ADAL" clId="{1A0B60B4-5995-4B42-BC87-125A2EA062BE}" dt="2022-08-09T19:09:20.689" v="288"/>
          <ac:inkMkLst>
            <pc:docMk/>
            <pc:sldMk cId="1300491009" sldId="554"/>
            <ac:inkMk id="27" creationId="{D50ABA5E-1EB7-27CE-E0DE-2DA536DBB13A}"/>
          </ac:inkMkLst>
        </pc:inkChg>
        <pc:inkChg chg="add del">
          <ac:chgData name="Matias Vázquez Piñón" userId="2f86a967-3c9c-4a39-b538-7e6c0574d83d" providerId="ADAL" clId="{1A0B60B4-5995-4B42-BC87-125A2EA062BE}" dt="2022-08-09T10:28:46.239" v="25"/>
          <ac:inkMkLst>
            <pc:docMk/>
            <pc:sldMk cId="1300491009" sldId="554"/>
            <ac:inkMk id="27" creationId="{DCFBCB0F-4CBE-8508-7EA5-1406362F982B}"/>
          </ac:inkMkLst>
        </pc:inkChg>
        <pc:inkChg chg="add del reco">
          <ac:chgData name="Matias Vázquez Piñón" userId="2f86a967-3c9c-4a39-b538-7e6c0574d83d" providerId="ADAL" clId="{1A0B60B4-5995-4B42-BC87-125A2EA062BE}" dt="2022-08-09T10:29:18.257" v="44"/>
          <ac:inkMkLst>
            <pc:docMk/>
            <pc:sldMk cId="1300491009" sldId="554"/>
            <ac:inkMk id="28" creationId="{267D07C2-186B-950C-3A54-A28738E71C16}"/>
          </ac:inkMkLst>
        </pc:inkChg>
        <pc:inkChg chg="add del">
          <ac:chgData name="Matias Vázquez Piñón" userId="2f86a967-3c9c-4a39-b538-7e6c0574d83d" providerId="ADAL" clId="{1A0B60B4-5995-4B42-BC87-125A2EA062BE}" dt="2022-08-09T10:34:39.858" v="158"/>
          <ac:inkMkLst>
            <pc:docMk/>
            <pc:sldMk cId="1300491009" sldId="554"/>
            <ac:inkMk id="28" creationId="{3DBFEB4C-4606-1BC0-7FFC-905C37DB60D8}"/>
          </ac:inkMkLst>
        </pc:inkChg>
        <pc:inkChg chg="add del reco">
          <ac:chgData name="Matias Vázquez Piñón" userId="2f86a967-3c9c-4a39-b538-7e6c0574d83d" providerId="ADAL" clId="{1A0B60B4-5995-4B42-BC87-125A2EA062BE}" dt="2022-08-09T19:09:30.768" v="291"/>
          <ac:inkMkLst>
            <pc:docMk/>
            <pc:sldMk cId="1300491009" sldId="554"/>
            <ac:inkMk id="28" creationId="{9DBB85F4-6BAB-CCFC-9EFD-25A609EA0339}"/>
          </ac:inkMkLst>
        </pc:inkChg>
        <pc:inkChg chg="add del">
          <ac:chgData name="Matias Vázquez Piñón" userId="2f86a967-3c9c-4a39-b538-7e6c0574d83d" providerId="ADAL" clId="{1A0B60B4-5995-4B42-BC87-125A2EA062BE}" dt="2022-08-09T10:28:50.279" v="30"/>
          <ac:inkMkLst>
            <pc:docMk/>
            <pc:sldMk cId="1300491009" sldId="554"/>
            <ac:inkMk id="29" creationId="{8C95BD3B-396E-F494-F7F2-27FC797B787F}"/>
          </ac:inkMkLst>
        </pc:inkChg>
        <pc:inkChg chg="add del">
          <ac:chgData name="Matias Vázquez Piñón" userId="2f86a967-3c9c-4a39-b538-7e6c0574d83d" providerId="ADAL" clId="{1A0B60B4-5995-4B42-BC87-125A2EA062BE}" dt="2022-08-09T19:09:39.843" v="301"/>
          <ac:inkMkLst>
            <pc:docMk/>
            <pc:sldMk cId="1300491009" sldId="554"/>
            <ac:inkMk id="29" creationId="{A726CFA6-57E8-C502-E7A8-B779DF002991}"/>
          </ac:inkMkLst>
        </pc:inkChg>
        <pc:inkChg chg="add reco">
          <ac:chgData name="Matias Vázquez Piñón" userId="2f86a967-3c9c-4a39-b538-7e6c0574d83d" providerId="ADAL" clId="{1A0B60B4-5995-4B42-BC87-125A2EA062BE}" dt="2022-08-09T10:34:39.858" v="158"/>
          <ac:inkMkLst>
            <pc:docMk/>
            <pc:sldMk cId="1300491009" sldId="554"/>
            <ac:inkMk id="29" creationId="{EA763F86-73FB-9473-C704-2D51A5CCAB9E}"/>
          </ac:inkMkLst>
        </pc:inkChg>
        <pc:inkChg chg="add del">
          <ac:chgData name="Matias Vázquez Piñón" userId="2f86a967-3c9c-4a39-b538-7e6c0574d83d" providerId="ADAL" clId="{1A0B60B4-5995-4B42-BC87-125A2EA062BE}" dt="2022-08-09T10:34:53.928" v="163"/>
          <ac:inkMkLst>
            <pc:docMk/>
            <pc:sldMk cId="1300491009" sldId="554"/>
            <ac:inkMk id="30" creationId="{186352F7-A461-3F6A-15A5-E9112B38AB61}"/>
          </ac:inkMkLst>
        </pc:inkChg>
        <pc:inkChg chg="add del">
          <ac:chgData name="Matias Vázquez Piñón" userId="2f86a967-3c9c-4a39-b538-7e6c0574d83d" providerId="ADAL" clId="{1A0B60B4-5995-4B42-BC87-125A2EA062BE}" dt="2022-08-09T19:09:39.843" v="301"/>
          <ac:inkMkLst>
            <pc:docMk/>
            <pc:sldMk cId="1300491009" sldId="554"/>
            <ac:inkMk id="30" creationId="{4E96826B-BEA4-AD43-4897-61F3B15539D0}"/>
          </ac:inkMkLst>
        </pc:inkChg>
        <pc:inkChg chg="add del">
          <ac:chgData name="Matias Vázquez Piñón" userId="2f86a967-3c9c-4a39-b538-7e6c0574d83d" providerId="ADAL" clId="{1A0B60B4-5995-4B42-BC87-125A2EA062BE}" dt="2022-08-09T10:28:50.279" v="30"/>
          <ac:inkMkLst>
            <pc:docMk/>
            <pc:sldMk cId="1300491009" sldId="554"/>
            <ac:inkMk id="30" creationId="{CAED6AFA-96A8-2129-3D3F-3EBDC2B77D19}"/>
          </ac:inkMkLst>
        </pc:inkChg>
        <pc:inkChg chg="add del">
          <ac:chgData name="Matias Vázquez Piñón" userId="2f86a967-3c9c-4a39-b538-7e6c0574d83d" providerId="ADAL" clId="{1A0B60B4-5995-4B42-BC87-125A2EA062BE}" dt="2022-08-09T19:09:39.843" v="301"/>
          <ac:inkMkLst>
            <pc:docMk/>
            <pc:sldMk cId="1300491009" sldId="554"/>
            <ac:inkMk id="31" creationId="{629CBD6F-7910-C893-2F08-DB4D6F52E839}"/>
          </ac:inkMkLst>
        </pc:inkChg>
        <pc:inkChg chg="add del">
          <ac:chgData name="Matias Vázquez Piñón" userId="2f86a967-3c9c-4a39-b538-7e6c0574d83d" providerId="ADAL" clId="{1A0B60B4-5995-4B42-BC87-125A2EA062BE}" dt="2022-08-09T10:34:53.928" v="163"/>
          <ac:inkMkLst>
            <pc:docMk/>
            <pc:sldMk cId="1300491009" sldId="554"/>
            <ac:inkMk id="31" creationId="{E0622BBC-E25A-F620-26E6-47C182C59EB6}"/>
          </ac:inkMkLst>
        </pc:inkChg>
        <pc:inkChg chg="add del">
          <ac:chgData name="Matias Vázquez Piñón" userId="2f86a967-3c9c-4a39-b538-7e6c0574d83d" providerId="ADAL" clId="{1A0B60B4-5995-4B42-BC87-125A2EA062BE}" dt="2022-08-09T10:28:50.279" v="30"/>
          <ac:inkMkLst>
            <pc:docMk/>
            <pc:sldMk cId="1300491009" sldId="554"/>
            <ac:inkMk id="31" creationId="{E66AD751-EF5E-E1DE-82C7-8248DA4D4F81}"/>
          </ac:inkMkLst>
        </pc:inkChg>
        <pc:inkChg chg="add del">
          <ac:chgData name="Matias Vázquez Piñón" userId="2f86a967-3c9c-4a39-b538-7e6c0574d83d" providerId="ADAL" clId="{1A0B60B4-5995-4B42-BC87-125A2EA062BE}" dt="2022-08-09T19:09:39.843" v="301"/>
          <ac:inkMkLst>
            <pc:docMk/>
            <pc:sldMk cId="1300491009" sldId="554"/>
            <ac:inkMk id="32" creationId="{18B010D1-E62D-26FA-94BF-BEC95317ACB8}"/>
          </ac:inkMkLst>
        </pc:inkChg>
        <pc:inkChg chg="add del">
          <ac:chgData name="Matias Vázquez Piñón" userId="2f86a967-3c9c-4a39-b538-7e6c0574d83d" providerId="ADAL" clId="{1A0B60B4-5995-4B42-BC87-125A2EA062BE}" dt="2022-08-09T10:28:50.279" v="30"/>
          <ac:inkMkLst>
            <pc:docMk/>
            <pc:sldMk cId="1300491009" sldId="554"/>
            <ac:inkMk id="32" creationId="{896936FA-7430-05E9-D9F2-BB3DC20D4941}"/>
          </ac:inkMkLst>
        </pc:inkChg>
        <pc:inkChg chg="add del">
          <ac:chgData name="Matias Vázquez Piñón" userId="2f86a967-3c9c-4a39-b538-7e6c0574d83d" providerId="ADAL" clId="{1A0B60B4-5995-4B42-BC87-125A2EA062BE}" dt="2022-08-09T10:34:53.928" v="163"/>
          <ac:inkMkLst>
            <pc:docMk/>
            <pc:sldMk cId="1300491009" sldId="554"/>
            <ac:inkMk id="32" creationId="{F77FFCFD-BF3B-3805-92F1-B93FFAD96BE7}"/>
          </ac:inkMkLst>
        </pc:inkChg>
        <pc:inkChg chg="add del reco">
          <ac:chgData name="Matias Vázquez Piñón" userId="2f86a967-3c9c-4a39-b538-7e6c0574d83d" providerId="ADAL" clId="{1A0B60B4-5995-4B42-BC87-125A2EA062BE}" dt="2022-08-09T10:29:18.242" v="41"/>
          <ac:inkMkLst>
            <pc:docMk/>
            <pc:sldMk cId="1300491009" sldId="554"/>
            <ac:inkMk id="33" creationId="{4CC0F561-BC59-B63C-DBB6-0A39DC8785B5}"/>
          </ac:inkMkLst>
        </pc:inkChg>
        <pc:inkChg chg="add del">
          <ac:chgData name="Matias Vázquez Piñón" userId="2f86a967-3c9c-4a39-b538-7e6c0574d83d" providerId="ADAL" clId="{1A0B60B4-5995-4B42-BC87-125A2EA062BE}" dt="2022-08-09T19:09:39.843" v="301"/>
          <ac:inkMkLst>
            <pc:docMk/>
            <pc:sldMk cId="1300491009" sldId="554"/>
            <ac:inkMk id="33" creationId="{8089FCF9-EEF9-A721-9F23-C597B2628230}"/>
          </ac:inkMkLst>
        </pc:inkChg>
        <pc:inkChg chg="add del">
          <ac:chgData name="Matias Vázquez Piñón" userId="2f86a967-3c9c-4a39-b538-7e6c0574d83d" providerId="ADAL" clId="{1A0B60B4-5995-4B42-BC87-125A2EA062BE}" dt="2022-08-09T10:34:53.928" v="163"/>
          <ac:inkMkLst>
            <pc:docMk/>
            <pc:sldMk cId="1300491009" sldId="554"/>
            <ac:inkMk id="33" creationId="{F60DFAC0-2700-261A-D49A-5DD345445E7E}"/>
          </ac:inkMkLst>
        </pc:inkChg>
        <pc:inkChg chg="add del">
          <ac:chgData name="Matias Vázquez Piñón" userId="2f86a967-3c9c-4a39-b538-7e6c0574d83d" providerId="ADAL" clId="{1A0B60B4-5995-4B42-BC87-125A2EA062BE}" dt="2022-08-09T10:29:00.564" v="33"/>
          <ac:inkMkLst>
            <pc:docMk/>
            <pc:sldMk cId="1300491009" sldId="554"/>
            <ac:inkMk id="34" creationId="{4241A4F4-F15B-FA21-4F06-C5ACA855D1C2}"/>
          </ac:inkMkLst>
        </pc:inkChg>
        <pc:inkChg chg="add reco">
          <ac:chgData name="Matias Vázquez Piñón" userId="2f86a967-3c9c-4a39-b538-7e6c0574d83d" providerId="ADAL" clId="{1A0B60B4-5995-4B42-BC87-125A2EA062BE}" dt="2022-08-09T10:34:53.928" v="163"/>
          <ac:inkMkLst>
            <pc:docMk/>
            <pc:sldMk cId="1300491009" sldId="554"/>
            <ac:inkMk id="34" creationId="{BB6B985D-97CC-39BC-8912-B16336D8EB9B}"/>
          </ac:inkMkLst>
        </pc:inkChg>
        <pc:inkChg chg="add del">
          <ac:chgData name="Matias Vázquez Piñón" userId="2f86a967-3c9c-4a39-b538-7e6c0574d83d" providerId="ADAL" clId="{1A0B60B4-5995-4B42-BC87-125A2EA062BE}" dt="2022-08-09T19:09:39.843" v="301"/>
          <ac:inkMkLst>
            <pc:docMk/>
            <pc:sldMk cId="1300491009" sldId="554"/>
            <ac:inkMk id="34" creationId="{FCBDA437-E2E6-56FB-5376-40B889A183B7}"/>
          </ac:inkMkLst>
        </pc:inkChg>
        <pc:inkChg chg="add del">
          <ac:chgData name="Matias Vázquez Piñón" userId="2f86a967-3c9c-4a39-b538-7e6c0574d83d" providerId="ADAL" clId="{1A0B60B4-5995-4B42-BC87-125A2EA062BE}" dt="2022-08-09T19:09:39.843" v="301"/>
          <ac:inkMkLst>
            <pc:docMk/>
            <pc:sldMk cId="1300491009" sldId="554"/>
            <ac:inkMk id="35" creationId="{058AB169-AB1E-BFD6-BF13-3C4C41909658}"/>
          </ac:inkMkLst>
        </pc:inkChg>
        <pc:inkChg chg="add del">
          <ac:chgData name="Matias Vázquez Piñón" userId="2f86a967-3c9c-4a39-b538-7e6c0574d83d" providerId="ADAL" clId="{1A0B60B4-5995-4B42-BC87-125A2EA062BE}" dt="2022-08-09T10:29:00.564" v="33"/>
          <ac:inkMkLst>
            <pc:docMk/>
            <pc:sldMk cId="1300491009" sldId="554"/>
            <ac:inkMk id="35" creationId="{12F420E9-12FB-E9CD-993B-34FA75FD4F7D}"/>
          </ac:inkMkLst>
        </pc:inkChg>
        <pc:inkChg chg="add del">
          <ac:chgData name="Matias Vázquez Piñón" userId="2f86a967-3c9c-4a39-b538-7e6c0574d83d" providerId="ADAL" clId="{1A0B60B4-5995-4B42-BC87-125A2EA062BE}" dt="2022-08-09T10:34:58.550" v="168"/>
          <ac:inkMkLst>
            <pc:docMk/>
            <pc:sldMk cId="1300491009" sldId="554"/>
            <ac:inkMk id="35" creationId="{AD48DF80-C3E1-0E56-8D00-C09A949B05FE}"/>
          </ac:inkMkLst>
        </pc:inkChg>
        <pc:inkChg chg="add del">
          <ac:chgData name="Matias Vázquez Piñón" userId="2f86a967-3c9c-4a39-b538-7e6c0574d83d" providerId="ADAL" clId="{1A0B60B4-5995-4B42-BC87-125A2EA062BE}" dt="2022-08-09T10:34:58.550" v="168"/>
          <ac:inkMkLst>
            <pc:docMk/>
            <pc:sldMk cId="1300491009" sldId="554"/>
            <ac:inkMk id="36" creationId="{794D5670-5EF1-C5DB-E0F3-058C8E740D70}"/>
          </ac:inkMkLst>
        </pc:inkChg>
        <pc:inkChg chg="add del reco">
          <ac:chgData name="Matias Vázquez Piñón" userId="2f86a967-3c9c-4a39-b538-7e6c0574d83d" providerId="ADAL" clId="{1A0B60B4-5995-4B42-BC87-125A2EA062BE}" dt="2022-08-09T10:29:18.248" v="42"/>
          <ac:inkMkLst>
            <pc:docMk/>
            <pc:sldMk cId="1300491009" sldId="554"/>
            <ac:inkMk id="36" creationId="{7A04CD4D-F0CC-D131-97CE-956B571FFFDD}"/>
          </ac:inkMkLst>
        </pc:inkChg>
        <pc:inkChg chg="add del">
          <ac:chgData name="Matias Vázquez Piñón" userId="2f86a967-3c9c-4a39-b538-7e6c0574d83d" providerId="ADAL" clId="{1A0B60B4-5995-4B42-BC87-125A2EA062BE}" dt="2022-08-09T19:09:39.843" v="301"/>
          <ac:inkMkLst>
            <pc:docMk/>
            <pc:sldMk cId="1300491009" sldId="554"/>
            <ac:inkMk id="36" creationId="{7AC6BA2B-98EE-5551-B286-A5FC2823CD9C}"/>
          </ac:inkMkLst>
        </pc:inkChg>
        <pc:inkChg chg="add del reco">
          <ac:chgData name="Matias Vázquez Piñón" userId="2f86a967-3c9c-4a39-b538-7e6c0574d83d" providerId="ADAL" clId="{1A0B60B4-5995-4B42-BC87-125A2EA062BE}" dt="2022-08-09T19:11:01.541" v="326"/>
          <ac:inkMkLst>
            <pc:docMk/>
            <pc:sldMk cId="1300491009" sldId="554"/>
            <ac:inkMk id="37" creationId="{8F83B910-72E9-FB42-7C0A-8EFB5EF384C7}"/>
          </ac:inkMkLst>
        </pc:inkChg>
        <pc:inkChg chg="add del">
          <ac:chgData name="Matias Vázquez Piñón" userId="2f86a967-3c9c-4a39-b538-7e6c0574d83d" providerId="ADAL" clId="{1A0B60B4-5995-4B42-BC87-125A2EA062BE}" dt="2022-08-09T10:29:04.485" v="40"/>
          <ac:inkMkLst>
            <pc:docMk/>
            <pc:sldMk cId="1300491009" sldId="554"/>
            <ac:inkMk id="37" creationId="{BD392041-8B3B-B0BA-D59C-ECF9DDEAA2B2}"/>
          </ac:inkMkLst>
        </pc:inkChg>
        <pc:inkChg chg="add del">
          <ac:chgData name="Matias Vázquez Piñón" userId="2f86a967-3c9c-4a39-b538-7e6c0574d83d" providerId="ADAL" clId="{1A0B60B4-5995-4B42-BC87-125A2EA062BE}" dt="2022-08-09T10:34:58.550" v="168"/>
          <ac:inkMkLst>
            <pc:docMk/>
            <pc:sldMk cId="1300491009" sldId="554"/>
            <ac:inkMk id="37" creationId="{E8C66E4F-7529-F095-155C-2D3C85D87303}"/>
          </ac:inkMkLst>
        </pc:inkChg>
        <pc:inkChg chg="add del">
          <ac:chgData name="Matias Vázquez Piñón" userId="2f86a967-3c9c-4a39-b538-7e6c0574d83d" providerId="ADAL" clId="{1A0B60B4-5995-4B42-BC87-125A2EA062BE}" dt="2022-08-09T10:34:58.550" v="168"/>
          <ac:inkMkLst>
            <pc:docMk/>
            <pc:sldMk cId="1300491009" sldId="554"/>
            <ac:inkMk id="38" creationId="{126D3D24-74F8-F9F4-7B41-305960E23FC9}"/>
          </ac:inkMkLst>
        </pc:inkChg>
        <pc:inkChg chg="add del">
          <ac:chgData name="Matias Vázquez Piñón" userId="2f86a967-3c9c-4a39-b538-7e6c0574d83d" providerId="ADAL" clId="{1A0B60B4-5995-4B42-BC87-125A2EA062BE}" dt="2022-08-09T19:09:42.877" v="306"/>
          <ac:inkMkLst>
            <pc:docMk/>
            <pc:sldMk cId="1300491009" sldId="554"/>
            <ac:inkMk id="38" creationId="{481F718D-7B78-C63B-21D8-2B09BD693ADF}"/>
          </ac:inkMkLst>
        </pc:inkChg>
        <pc:inkChg chg="add del">
          <ac:chgData name="Matias Vázquez Piñón" userId="2f86a967-3c9c-4a39-b538-7e6c0574d83d" providerId="ADAL" clId="{1A0B60B4-5995-4B42-BC87-125A2EA062BE}" dt="2022-08-09T10:29:04.485" v="40"/>
          <ac:inkMkLst>
            <pc:docMk/>
            <pc:sldMk cId="1300491009" sldId="554"/>
            <ac:inkMk id="38" creationId="{5DC9BB41-7A1D-84DD-F66E-25C4DE3616F9}"/>
          </ac:inkMkLst>
        </pc:inkChg>
        <pc:inkChg chg="add del">
          <ac:chgData name="Matias Vázquez Piñón" userId="2f86a967-3c9c-4a39-b538-7e6c0574d83d" providerId="ADAL" clId="{1A0B60B4-5995-4B42-BC87-125A2EA062BE}" dt="2022-08-09T19:09:42.877" v="306"/>
          <ac:inkMkLst>
            <pc:docMk/>
            <pc:sldMk cId="1300491009" sldId="554"/>
            <ac:inkMk id="39" creationId="{54023333-85FE-1DE7-A2A1-DB4AA9204D6A}"/>
          </ac:inkMkLst>
        </pc:inkChg>
        <pc:inkChg chg="add del">
          <ac:chgData name="Matias Vázquez Piñón" userId="2f86a967-3c9c-4a39-b538-7e6c0574d83d" providerId="ADAL" clId="{1A0B60B4-5995-4B42-BC87-125A2EA062BE}" dt="2022-08-09T10:29:04.485" v="40"/>
          <ac:inkMkLst>
            <pc:docMk/>
            <pc:sldMk cId="1300491009" sldId="554"/>
            <ac:inkMk id="39" creationId="{6287BBBC-0EE8-BDE2-4220-8643242F6606}"/>
          </ac:inkMkLst>
        </pc:inkChg>
        <pc:inkChg chg="add reco">
          <ac:chgData name="Matias Vázquez Piñón" userId="2f86a967-3c9c-4a39-b538-7e6c0574d83d" providerId="ADAL" clId="{1A0B60B4-5995-4B42-BC87-125A2EA062BE}" dt="2022-08-09T10:34:58.550" v="168"/>
          <ac:inkMkLst>
            <pc:docMk/>
            <pc:sldMk cId="1300491009" sldId="554"/>
            <ac:inkMk id="39" creationId="{F8CDA5BB-0E0D-0DD1-49A0-F7AACDEC8A5D}"/>
          </ac:inkMkLst>
        </pc:inkChg>
        <pc:inkChg chg="add del">
          <ac:chgData name="Matias Vázquez Piñón" userId="2f86a967-3c9c-4a39-b538-7e6c0574d83d" providerId="ADAL" clId="{1A0B60B4-5995-4B42-BC87-125A2EA062BE}" dt="2022-08-09T19:09:42.877" v="306"/>
          <ac:inkMkLst>
            <pc:docMk/>
            <pc:sldMk cId="1300491009" sldId="554"/>
            <ac:inkMk id="40" creationId="{5B624257-8615-1DAD-39BF-978449F06383}"/>
          </ac:inkMkLst>
        </pc:inkChg>
        <pc:inkChg chg="add del">
          <ac:chgData name="Matias Vázquez Piñón" userId="2f86a967-3c9c-4a39-b538-7e6c0574d83d" providerId="ADAL" clId="{1A0B60B4-5995-4B42-BC87-125A2EA062BE}" dt="2022-08-09T10:29:04.485" v="40"/>
          <ac:inkMkLst>
            <pc:docMk/>
            <pc:sldMk cId="1300491009" sldId="554"/>
            <ac:inkMk id="40" creationId="{B0560273-444D-040F-2B63-776478FC055B}"/>
          </ac:inkMkLst>
        </pc:inkChg>
        <pc:inkChg chg="add del">
          <ac:chgData name="Matias Vázquez Piñón" userId="2f86a967-3c9c-4a39-b538-7e6c0574d83d" providerId="ADAL" clId="{1A0B60B4-5995-4B42-BC87-125A2EA062BE}" dt="2022-08-09T10:35:03.731" v="172"/>
          <ac:inkMkLst>
            <pc:docMk/>
            <pc:sldMk cId="1300491009" sldId="554"/>
            <ac:inkMk id="40" creationId="{C5E557F9-5B9C-CDEC-8B4B-A4F45579F7DD}"/>
          </ac:inkMkLst>
        </pc:inkChg>
        <pc:inkChg chg="add del">
          <ac:chgData name="Matias Vázquez Piñón" userId="2f86a967-3c9c-4a39-b538-7e6c0574d83d" providerId="ADAL" clId="{1A0B60B4-5995-4B42-BC87-125A2EA062BE}" dt="2022-08-09T10:35:03.731" v="172"/>
          <ac:inkMkLst>
            <pc:docMk/>
            <pc:sldMk cId="1300491009" sldId="554"/>
            <ac:inkMk id="41" creationId="{26E0DDE7-C89F-BE87-5690-19421BD27C52}"/>
          </ac:inkMkLst>
        </pc:inkChg>
        <pc:inkChg chg="add del">
          <ac:chgData name="Matias Vázquez Piñón" userId="2f86a967-3c9c-4a39-b538-7e6c0574d83d" providerId="ADAL" clId="{1A0B60B4-5995-4B42-BC87-125A2EA062BE}" dt="2022-08-09T19:09:42.877" v="306"/>
          <ac:inkMkLst>
            <pc:docMk/>
            <pc:sldMk cId="1300491009" sldId="554"/>
            <ac:inkMk id="41" creationId="{31B6BC36-40B4-9249-5BAA-08A8A7E280B4}"/>
          </ac:inkMkLst>
        </pc:inkChg>
        <pc:inkChg chg="add del">
          <ac:chgData name="Matias Vázquez Piñón" userId="2f86a967-3c9c-4a39-b538-7e6c0574d83d" providerId="ADAL" clId="{1A0B60B4-5995-4B42-BC87-125A2EA062BE}" dt="2022-08-09T10:29:04.485" v="40"/>
          <ac:inkMkLst>
            <pc:docMk/>
            <pc:sldMk cId="1300491009" sldId="554"/>
            <ac:inkMk id="41" creationId="{FC15313C-981E-485A-AA0C-627AD4F91C30}"/>
          </ac:inkMkLst>
        </pc:inkChg>
        <pc:inkChg chg="add del reco">
          <ac:chgData name="Matias Vázquez Piñón" userId="2f86a967-3c9c-4a39-b538-7e6c0574d83d" providerId="ADAL" clId="{1A0B60B4-5995-4B42-BC87-125A2EA062BE}" dt="2022-08-09T19:11:01.529" v="323"/>
          <ac:inkMkLst>
            <pc:docMk/>
            <pc:sldMk cId="1300491009" sldId="554"/>
            <ac:inkMk id="42" creationId="{0FDEC112-883A-E826-92BD-52EC98484BAA}"/>
          </ac:inkMkLst>
        </pc:inkChg>
        <pc:inkChg chg="add del">
          <ac:chgData name="Matias Vázquez Piñón" userId="2f86a967-3c9c-4a39-b538-7e6c0574d83d" providerId="ADAL" clId="{1A0B60B4-5995-4B42-BC87-125A2EA062BE}" dt="2022-08-09T10:29:04.485" v="40"/>
          <ac:inkMkLst>
            <pc:docMk/>
            <pc:sldMk cId="1300491009" sldId="554"/>
            <ac:inkMk id="42" creationId="{4754C008-8B58-B90F-8131-33726F809E9E}"/>
          </ac:inkMkLst>
        </pc:inkChg>
        <pc:inkChg chg="add del">
          <ac:chgData name="Matias Vázquez Piñón" userId="2f86a967-3c9c-4a39-b538-7e6c0574d83d" providerId="ADAL" clId="{1A0B60B4-5995-4B42-BC87-125A2EA062BE}" dt="2022-08-09T10:35:03.731" v="172"/>
          <ac:inkMkLst>
            <pc:docMk/>
            <pc:sldMk cId="1300491009" sldId="554"/>
            <ac:inkMk id="42" creationId="{6A96726D-D298-6755-0E75-6B7D83908A65}"/>
          </ac:inkMkLst>
        </pc:inkChg>
        <pc:inkChg chg="add del reco">
          <ac:chgData name="Matias Vázquez Piñón" userId="2f86a967-3c9c-4a39-b538-7e6c0574d83d" providerId="ADAL" clId="{1A0B60B4-5995-4B42-BC87-125A2EA062BE}" dt="2022-08-09T10:29:18.260" v="45"/>
          <ac:inkMkLst>
            <pc:docMk/>
            <pc:sldMk cId="1300491009" sldId="554"/>
            <ac:inkMk id="43" creationId="{001056A3-A35B-2E79-2542-6ABD0E850CDC}"/>
          </ac:inkMkLst>
        </pc:inkChg>
        <pc:inkChg chg="add del">
          <ac:chgData name="Matias Vázquez Piñón" userId="2f86a967-3c9c-4a39-b538-7e6c0574d83d" providerId="ADAL" clId="{1A0B60B4-5995-4B42-BC87-125A2EA062BE}" dt="2022-08-09T19:11:01.544" v="327"/>
          <ac:inkMkLst>
            <pc:docMk/>
            <pc:sldMk cId="1300491009" sldId="554"/>
            <ac:inkMk id="43" creationId="{56703444-79B1-2A6B-5F07-D37085F887D7}"/>
          </ac:inkMkLst>
        </pc:inkChg>
        <pc:inkChg chg="add del reco">
          <ac:chgData name="Matias Vázquez Piñón" userId="2f86a967-3c9c-4a39-b538-7e6c0574d83d" providerId="ADAL" clId="{1A0B60B4-5995-4B42-BC87-125A2EA062BE}" dt="2022-08-09T10:35:07.116" v="173"/>
          <ac:inkMkLst>
            <pc:docMk/>
            <pc:sldMk cId="1300491009" sldId="554"/>
            <ac:inkMk id="43" creationId="{B3D4C13B-0465-A582-D107-048CA275EDC8}"/>
          </ac:inkMkLst>
        </pc:inkChg>
        <pc:inkChg chg="add del">
          <ac:chgData name="Matias Vázquez Piñón" userId="2f86a967-3c9c-4a39-b538-7e6c0574d83d" providerId="ADAL" clId="{1A0B60B4-5995-4B42-BC87-125A2EA062BE}" dt="2022-08-09T19:09:49.161" v="311"/>
          <ac:inkMkLst>
            <pc:docMk/>
            <pc:sldMk cId="1300491009" sldId="554"/>
            <ac:inkMk id="44" creationId="{9CAEEBB9-4AE0-D60F-F2C8-896ED51AAAC0}"/>
          </ac:inkMkLst>
        </pc:inkChg>
        <pc:inkChg chg="add del">
          <ac:chgData name="Matias Vázquez Piñón" userId="2f86a967-3c9c-4a39-b538-7e6c0574d83d" providerId="ADAL" clId="{1A0B60B4-5995-4B42-BC87-125A2EA062BE}" dt="2022-08-09T10:35:11.457" v="177"/>
          <ac:inkMkLst>
            <pc:docMk/>
            <pc:sldMk cId="1300491009" sldId="554"/>
            <ac:inkMk id="44" creationId="{A7510D24-2CA2-8AC0-35C0-1B1A942F149C}"/>
          </ac:inkMkLst>
        </pc:inkChg>
        <pc:inkChg chg="add del">
          <ac:chgData name="Matias Vázquez Piñón" userId="2f86a967-3c9c-4a39-b538-7e6c0574d83d" providerId="ADAL" clId="{1A0B60B4-5995-4B42-BC87-125A2EA062BE}" dt="2022-08-09T10:30:19.328" v="56"/>
          <ac:inkMkLst>
            <pc:docMk/>
            <pc:sldMk cId="1300491009" sldId="554"/>
            <ac:inkMk id="45" creationId="{1B1C83F8-DDCD-24B6-3656-B4F9E094DF3A}"/>
          </ac:inkMkLst>
        </pc:inkChg>
        <pc:inkChg chg="add del">
          <ac:chgData name="Matias Vázquez Piñón" userId="2f86a967-3c9c-4a39-b538-7e6c0574d83d" providerId="ADAL" clId="{1A0B60B4-5995-4B42-BC87-125A2EA062BE}" dt="2022-08-09T19:09:49.161" v="311"/>
          <ac:inkMkLst>
            <pc:docMk/>
            <pc:sldMk cId="1300491009" sldId="554"/>
            <ac:inkMk id="45" creationId="{9DF615ED-AB0B-F0E6-8D3A-787C30D8F17B}"/>
          </ac:inkMkLst>
        </pc:inkChg>
        <pc:inkChg chg="add del">
          <ac:chgData name="Matias Vázquez Piñón" userId="2f86a967-3c9c-4a39-b538-7e6c0574d83d" providerId="ADAL" clId="{1A0B60B4-5995-4B42-BC87-125A2EA062BE}" dt="2022-08-09T10:35:11.457" v="177"/>
          <ac:inkMkLst>
            <pc:docMk/>
            <pc:sldMk cId="1300491009" sldId="554"/>
            <ac:inkMk id="45" creationId="{D03E2B63-8C61-31BA-17B5-8A3E79138874}"/>
          </ac:inkMkLst>
        </pc:inkChg>
        <pc:inkChg chg="add del">
          <ac:chgData name="Matias Vázquez Piñón" userId="2f86a967-3c9c-4a39-b538-7e6c0574d83d" providerId="ADAL" clId="{1A0B60B4-5995-4B42-BC87-125A2EA062BE}" dt="2022-08-09T10:35:11.457" v="177"/>
          <ac:inkMkLst>
            <pc:docMk/>
            <pc:sldMk cId="1300491009" sldId="554"/>
            <ac:inkMk id="46" creationId="{2A9529A6-4174-BFC8-5A5C-E56B4F541FDD}"/>
          </ac:inkMkLst>
        </pc:inkChg>
        <pc:inkChg chg="add del">
          <ac:chgData name="Matias Vázquez Piñón" userId="2f86a967-3c9c-4a39-b538-7e6c0574d83d" providerId="ADAL" clId="{1A0B60B4-5995-4B42-BC87-125A2EA062BE}" dt="2022-08-09T19:09:49.161" v="311"/>
          <ac:inkMkLst>
            <pc:docMk/>
            <pc:sldMk cId="1300491009" sldId="554"/>
            <ac:inkMk id="46" creationId="{3228D6D0-096A-E98E-5DCF-EEABB7F114A6}"/>
          </ac:inkMkLst>
        </pc:inkChg>
        <pc:inkChg chg="add del">
          <ac:chgData name="Matias Vázquez Piñón" userId="2f86a967-3c9c-4a39-b538-7e6c0574d83d" providerId="ADAL" clId="{1A0B60B4-5995-4B42-BC87-125A2EA062BE}" dt="2022-08-09T10:30:19.328" v="56"/>
          <ac:inkMkLst>
            <pc:docMk/>
            <pc:sldMk cId="1300491009" sldId="554"/>
            <ac:inkMk id="46" creationId="{70163DB2-7763-6666-B5B6-7D6FE7163E21}"/>
          </ac:inkMkLst>
        </pc:inkChg>
        <pc:inkChg chg="add del reco">
          <ac:chgData name="Matias Vázquez Piñón" userId="2f86a967-3c9c-4a39-b538-7e6c0574d83d" providerId="ADAL" clId="{1A0B60B4-5995-4B42-BC87-125A2EA062BE}" dt="2022-08-09T19:11:01.538" v="325"/>
          <ac:inkMkLst>
            <pc:docMk/>
            <pc:sldMk cId="1300491009" sldId="554"/>
            <ac:inkMk id="47" creationId="{25D28191-540E-603D-41DE-64BFC2A6EAEE}"/>
          </ac:inkMkLst>
        </pc:inkChg>
        <pc:inkChg chg="add del reco">
          <ac:chgData name="Matias Vázquez Piñón" userId="2f86a967-3c9c-4a39-b538-7e6c0574d83d" providerId="ADAL" clId="{1A0B60B4-5995-4B42-BC87-125A2EA062BE}" dt="2022-08-09T10:30:27.934" v="62"/>
          <ac:inkMkLst>
            <pc:docMk/>
            <pc:sldMk cId="1300491009" sldId="554"/>
            <ac:inkMk id="47" creationId="{6639BACD-F45F-C9FF-02DA-68C6F563AFC9}"/>
          </ac:inkMkLst>
        </pc:inkChg>
        <pc:inkChg chg="add reco">
          <ac:chgData name="Matias Vázquez Piñón" userId="2f86a967-3c9c-4a39-b538-7e6c0574d83d" providerId="ADAL" clId="{1A0B60B4-5995-4B42-BC87-125A2EA062BE}" dt="2022-08-09T10:35:11.457" v="177"/>
          <ac:inkMkLst>
            <pc:docMk/>
            <pc:sldMk cId="1300491009" sldId="554"/>
            <ac:inkMk id="47" creationId="{F00C8CAB-ED67-7EDE-2B65-FE2F213296A8}"/>
          </ac:inkMkLst>
        </pc:inkChg>
        <pc:inkChg chg="add del">
          <ac:chgData name="Matias Vázquez Piñón" userId="2f86a967-3c9c-4a39-b538-7e6c0574d83d" providerId="ADAL" clId="{1A0B60B4-5995-4B42-BC87-125A2EA062BE}" dt="2022-08-09T19:09:56.211" v="315"/>
          <ac:inkMkLst>
            <pc:docMk/>
            <pc:sldMk cId="1300491009" sldId="554"/>
            <ac:inkMk id="48" creationId="{0152512A-CC51-81E2-34E5-D71F6DFACF5A}"/>
          </ac:inkMkLst>
        </pc:inkChg>
        <pc:inkChg chg="add del">
          <ac:chgData name="Matias Vázquez Piñón" userId="2f86a967-3c9c-4a39-b538-7e6c0574d83d" providerId="ADAL" clId="{1A0B60B4-5995-4B42-BC87-125A2EA062BE}" dt="2022-08-09T10:30:25.758" v="61"/>
          <ac:inkMkLst>
            <pc:docMk/>
            <pc:sldMk cId="1300491009" sldId="554"/>
            <ac:inkMk id="48" creationId="{97B444C3-E44D-0FCB-83BE-0600F1C35729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48" creationId="{EC867000-52A7-2C30-ABC2-CCD2BC72D7A4}"/>
          </ac:inkMkLst>
        </pc:inkChg>
        <pc:inkChg chg="add del">
          <ac:chgData name="Matias Vázquez Piñón" userId="2f86a967-3c9c-4a39-b538-7e6c0574d83d" providerId="ADAL" clId="{1A0B60B4-5995-4B42-BC87-125A2EA062BE}" dt="2022-08-09T10:30:25.758" v="61"/>
          <ac:inkMkLst>
            <pc:docMk/>
            <pc:sldMk cId="1300491009" sldId="554"/>
            <ac:inkMk id="49" creationId="{373E6391-B2FF-38C6-EAC7-52F5BBB18B30}"/>
          </ac:inkMkLst>
        </pc:inkChg>
        <pc:inkChg chg="add del">
          <ac:chgData name="Matias Vázquez Piñón" userId="2f86a967-3c9c-4a39-b538-7e6c0574d83d" providerId="ADAL" clId="{1A0B60B4-5995-4B42-BC87-125A2EA062BE}" dt="2022-08-09T19:09:56.211" v="315"/>
          <ac:inkMkLst>
            <pc:docMk/>
            <pc:sldMk cId="1300491009" sldId="554"/>
            <ac:inkMk id="49" creationId="{69F5603E-FC79-A376-C7A9-62E50810AC85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49" creationId="{8C55E476-349A-3E97-6104-572B9891802E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50" creationId="{884DDC65-AC5C-3A32-6079-E6CAA224BB7D}"/>
          </ac:inkMkLst>
        </pc:inkChg>
        <pc:inkChg chg="add del">
          <ac:chgData name="Matias Vázquez Piñón" userId="2f86a967-3c9c-4a39-b538-7e6c0574d83d" providerId="ADAL" clId="{1A0B60B4-5995-4B42-BC87-125A2EA062BE}" dt="2022-08-09T10:30:25.758" v="61"/>
          <ac:inkMkLst>
            <pc:docMk/>
            <pc:sldMk cId="1300491009" sldId="554"/>
            <ac:inkMk id="50" creationId="{8CF44223-A1FE-5440-76AF-4B9F6F64B02B}"/>
          </ac:inkMkLst>
        </pc:inkChg>
        <pc:inkChg chg="add del">
          <ac:chgData name="Matias Vázquez Piñón" userId="2f86a967-3c9c-4a39-b538-7e6c0574d83d" providerId="ADAL" clId="{1A0B60B4-5995-4B42-BC87-125A2EA062BE}" dt="2022-08-09T19:09:56.211" v="315"/>
          <ac:inkMkLst>
            <pc:docMk/>
            <pc:sldMk cId="1300491009" sldId="554"/>
            <ac:inkMk id="50" creationId="{E29939B0-5AEE-3F35-0E00-0719DA7C4CD0}"/>
          </ac:inkMkLst>
        </pc:inkChg>
        <pc:inkChg chg="add del">
          <ac:chgData name="Matias Vázquez Piñón" userId="2f86a967-3c9c-4a39-b538-7e6c0574d83d" providerId="ADAL" clId="{1A0B60B4-5995-4B42-BC87-125A2EA062BE}" dt="2022-08-09T10:30:25.758" v="61"/>
          <ac:inkMkLst>
            <pc:docMk/>
            <pc:sldMk cId="1300491009" sldId="554"/>
            <ac:inkMk id="51" creationId="{2346F906-1B62-4CDE-AE7D-A474124BC8BF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51" creationId="{67C6F9F0-C9E8-0783-384C-EE4454EFE526}"/>
          </ac:inkMkLst>
        </pc:inkChg>
        <pc:inkChg chg="add del reco">
          <ac:chgData name="Matias Vázquez Piñón" userId="2f86a967-3c9c-4a39-b538-7e6c0574d83d" providerId="ADAL" clId="{1A0B60B4-5995-4B42-BC87-125A2EA062BE}" dt="2022-08-09T19:11:01.546" v="328"/>
          <ac:inkMkLst>
            <pc:docMk/>
            <pc:sldMk cId="1300491009" sldId="554"/>
            <ac:inkMk id="51" creationId="{BAE8B414-E773-9B8C-4623-10F258AC3BBA}"/>
          </ac:inkMkLst>
        </pc:inkChg>
        <pc:inkChg chg="add del reco">
          <ac:chgData name="Matias Vázquez Piñón" userId="2f86a967-3c9c-4a39-b538-7e6c0574d83d" providerId="ADAL" clId="{1A0B60B4-5995-4B42-BC87-125A2EA062BE}" dt="2022-08-09T10:30:27.941" v="63"/>
          <ac:inkMkLst>
            <pc:docMk/>
            <pc:sldMk cId="1300491009" sldId="554"/>
            <ac:inkMk id="52" creationId="{4D02E287-5A6B-188E-AAD4-1D8B68497C1B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52" creationId="{E33D641A-D2AE-06AA-0FA5-8B85D315E204}"/>
          </ac:inkMkLst>
        </pc:inkChg>
        <pc:inkChg chg="add del">
          <ac:chgData name="Matias Vázquez Piñón" userId="2f86a967-3c9c-4a39-b538-7e6c0574d83d" providerId="ADAL" clId="{1A0B60B4-5995-4B42-BC87-125A2EA062BE}" dt="2022-08-09T19:10:00.443" v="322"/>
          <ac:inkMkLst>
            <pc:docMk/>
            <pc:sldMk cId="1300491009" sldId="554"/>
            <ac:inkMk id="52" creationId="{FC34B766-CEA6-ABA0-DF5D-C704401CDEC4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53" creationId="{49DDB521-79BB-CA97-3384-0DA84016A1E7}"/>
          </ac:inkMkLst>
        </pc:inkChg>
        <pc:inkChg chg="add del">
          <ac:chgData name="Matias Vázquez Piñón" userId="2f86a967-3c9c-4a39-b538-7e6c0574d83d" providerId="ADAL" clId="{1A0B60B4-5995-4B42-BC87-125A2EA062BE}" dt="2022-08-09T10:30:39.355" v="68"/>
          <ac:inkMkLst>
            <pc:docMk/>
            <pc:sldMk cId="1300491009" sldId="554"/>
            <ac:inkMk id="53" creationId="{76343341-8A2B-2FE1-16E7-BB909AC980BB}"/>
          </ac:inkMkLst>
        </pc:inkChg>
        <pc:inkChg chg="add del">
          <ac:chgData name="Matias Vázquez Piñón" userId="2f86a967-3c9c-4a39-b538-7e6c0574d83d" providerId="ADAL" clId="{1A0B60B4-5995-4B42-BC87-125A2EA062BE}" dt="2022-08-09T19:10:00.443" v="322"/>
          <ac:inkMkLst>
            <pc:docMk/>
            <pc:sldMk cId="1300491009" sldId="554"/>
            <ac:inkMk id="53" creationId="{D333DD24-0DBF-565B-F085-E4B47FFB2590}"/>
          </ac:inkMkLst>
        </pc:inkChg>
        <pc:inkChg chg="add del">
          <ac:chgData name="Matias Vázquez Piñón" userId="2f86a967-3c9c-4a39-b538-7e6c0574d83d" providerId="ADAL" clId="{1A0B60B4-5995-4B42-BC87-125A2EA062BE}" dt="2022-08-09T19:10:00.443" v="322"/>
          <ac:inkMkLst>
            <pc:docMk/>
            <pc:sldMk cId="1300491009" sldId="554"/>
            <ac:inkMk id="54" creationId="{30EDFA96-5B9A-25AE-3998-02166C18FD98}"/>
          </ac:inkMkLst>
        </pc:inkChg>
        <pc:inkChg chg="add del">
          <ac:chgData name="Matias Vázquez Piñón" userId="2f86a967-3c9c-4a39-b538-7e6c0574d83d" providerId="ADAL" clId="{1A0B60B4-5995-4B42-BC87-125A2EA062BE}" dt="2022-08-09T10:30:39.355" v="68"/>
          <ac:inkMkLst>
            <pc:docMk/>
            <pc:sldMk cId="1300491009" sldId="554"/>
            <ac:inkMk id="54" creationId="{81C1B132-86B1-0BE3-9DDE-F42D47B5E6F2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54" creationId="{9DB098E2-5772-E481-1EDC-69E426EC5536}"/>
          </ac:inkMkLst>
        </pc:inkChg>
        <pc:inkChg chg="add del">
          <ac:chgData name="Matias Vázquez Piñón" userId="2f86a967-3c9c-4a39-b538-7e6c0574d83d" providerId="ADAL" clId="{1A0B60B4-5995-4B42-BC87-125A2EA062BE}" dt="2022-08-09T10:30:39.355" v="68"/>
          <ac:inkMkLst>
            <pc:docMk/>
            <pc:sldMk cId="1300491009" sldId="554"/>
            <ac:inkMk id="55" creationId="{89F63B3D-4A19-A032-CD47-880DBDD45DC4}"/>
          </ac:inkMkLst>
        </pc:inkChg>
        <pc:inkChg chg="add del">
          <ac:chgData name="Matias Vázquez Piñón" userId="2f86a967-3c9c-4a39-b538-7e6c0574d83d" providerId="ADAL" clId="{1A0B60B4-5995-4B42-BC87-125A2EA062BE}" dt="2022-08-09T19:10:00.443" v="322"/>
          <ac:inkMkLst>
            <pc:docMk/>
            <pc:sldMk cId="1300491009" sldId="554"/>
            <ac:inkMk id="55" creationId="{8F9374FC-6998-960F-825E-57286DE8B11D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55" creationId="{BAEEA6E3-EDA4-425E-FED9-3CDA4F24A4A1}"/>
          </ac:inkMkLst>
        </pc:inkChg>
        <pc:inkChg chg="add del">
          <ac:chgData name="Matias Vázquez Piñón" userId="2f86a967-3c9c-4a39-b538-7e6c0574d83d" providerId="ADAL" clId="{1A0B60B4-5995-4B42-BC87-125A2EA062BE}" dt="2022-08-09T10:30:39.355" v="68"/>
          <ac:inkMkLst>
            <pc:docMk/>
            <pc:sldMk cId="1300491009" sldId="554"/>
            <ac:inkMk id="56" creationId="{8DC7FF5F-0BBC-77E9-64FF-53F1DD944458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56" creationId="{90637878-7140-A404-2FEA-7FFF67821838}"/>
          </ac:inkMkLst>
        </pc:inkChg>
        <pc:inkChg chg="add del">
          <ac:chgData name="Matias Vázquez Piñón" userId="2f86a967-3c9c-4a39-b538-7e6c0574d83d" providerId="ADAL" clId="{1A0B60B4-5995-4B42-BC87-125A2EA062BE}" dt="2022-08-09T19:10:00.443" v="322"/>
          <ac:inkMkLst>
            <pc:docMk/>
            <pc:sldMk cId="1300491009" sldId="554"/>
            <ac:inkMk id="56" creationId="{FB89F252-1073-B636-9E85-1B9ED844685D}"/>
          </ac:inkMkLst>
        </pc:inkChg>
        <pc:inkChg chg="add del">
          <ac:chgData name="Matias Vázquez Piñón" userId="2f86a967-3c9c-4a39-b538-7e6c0574d83d" providerId="ADAL" clId="{1A0B60B4-5995-4B42-BC87-125A2EA062BE}" dt="2022-08-09T19:10:00.443" v="322"/>
          <ac:inkMkLst>
            <pc:docMk/>
            <pc:sldMk cId="1300491009" sldId="554"/>
            <ac:inkMk id="57" creationId="{E694C66A-813E-A76E-C84A-CAF71F552A1B}"/>
          </ac:inkMkLst>
        </pc:inkChg>
        <pc:inkChg chg="add del reco">
          <ac:chgData name="Matias Vázquez Piñón" userId="2f86a967-3c9c-4a39-b538-7e6c0574d83d" providerId="ADAL" clId="{1A0B60B4-5995-4B42-BC87-125A2EA062BE}" dt="2022-08-09T10:34:02.685" v="129"/>
          <ac:inkMkLst>
            <pc:docMk/>
            <pc:sldMk cId="1300491009" sldId="554"/>
            <ac:inkMk id="57" creationId="{EA8932D6-48CA-EB79-5161-8FE701DAEC6C}"/>
          </ac:inkMkLst>
        </pc:inkChg>
        <pc:inkChg chg="add del reco">
          <ac:chgData name="Matias Vázquez Piñón" userId="2f86a967-3c9c-4a39-b538-7e6c0574d83d" providerId="ADAL" clId="{1A0B60B4-5995-4B42-BC87-125A2EA062BE}" dt="2022-08-09T19:11:01.535" v="324"/>
          <ac:inkMkLst>
            <pc:docMk/>
            <pc:sldMk cId="1300491009" sldId="554"/>
            <ac:inkMk id="58" creationId="{01E559CA-8532-29B0-0375-95437C5D59BD}"/>
          </ac:inkMkLst>
        </pc:inkChg>
        <pc:inkChg chg="add del">
          <ac:chgData name="Matias Vázquez Piñón" userId="2f86a967-3c9c-4a39-b538-7e6c0574d83d" providerId="ADAL" clId="{1A0B60B4-5995-4B42-BC87-125A2EA062BE}" dt="2022-08-09T10:31:01.499" v="84"/>
          <ac:inkMkLst>
            <pc:docMk/>
            <pc:sldMk cId="1300491009" sldId="554"/>
            <ac:inkMk id="58" creationId="{97B9E2B2-5ED7-B01E-3530-FA7CB727B094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58" creationId="{FA1D2A5C-DA1D-3029-36FB-CEEA2F2E1762}"/>
          </ac:inkMkLst>
        </pc:inkChg>
        <pc:inkChg chg="add del">
          <ac:chgData name="Matias Vázquez Piñón" userId="2f86a967-3c9c-4a39-b538-7e6c0574d83d" providerId="ADAL" clId="{1A0B60B4-5995-4B42-BC87-125A2EA062BE}" dt="2022-08-09T10:34:02.690" v="133"/>
          <ac:inkMkLst>
            <pc:docMk/>
            <pc:sldMk cId="1300491009" sldId="554"/>
            <ac:inkMk id="59" creationId="{4749147D-535B-129E-8E45-60303649C101}"/>
          </ac:inkMkLst>
        </pc:inkChg>
        <pc:inkChg chg="add del">
          <ac:chgData name="Matias Vázquez Piñón" userId="2f86a967-3c9c-4a39-b538-7e6c0574d83d" providerId="ADAL" clId="{1A0B60B4-5995-4B42-BC87-125A2EA062BE}" dt="2022-08-09T10:30:48.292" v="75"/>
          <ac:inkMkLst>
            <pc:docMk/>
            <pc:sldMk cId="1300491009" sldId="554"/>
            <ac:inkMk id="60" creationId="{77076FA1-2A17-7109-61BA-F132E4C179A9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60" creationId="{A450D753-B999-0A85-A8B8-1826D3CED076}"/>
          </ac:inkMkLst>
        </pc:inkChg>
        <pc:inkChg chg="add del">
          <ac:chgData name="Matias Vázquez Piñón" userId="2f86a967-3c9c-4a39-b538-7e6c0574d83d" providerId="ADAL" clId="{1A0B60B4-5995-4B42-BC87-125A2EA062BE}" dt="2022-08-09T10:30:48.145" v="74"/>
          <ac:inkMkLst>
            <pc:docMk/>
            <pc:sldMk cId="1300491009" sldId="554"/>
            <ac:inkMk id="61" creationId="{27323871-E70D-9476-A314-7753335AD316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61" creationId="{8B2022F0-A41B-4367-75BB-D0CCCE3BE881}"/>
          </ac:inkMkLst>
        </pc:inkChg>
        <pc:inkChg chg="add del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62" creationId="{05DCFFEE-743D-123F-6939-DA80C683C626}"/>
          </ac:inkMkLst>
        </pc:inkChg>
        <pc:inkChg chg="add del reco">
          <ac:chgData name="Matias Vázquez Piñón" userId="2f86a967-3c9c-4a39-b538-7e6c0574d83d" providerId="ADAL" clId="{1A0B60B4-5995-4B42-BC87-125A2EA062BE}" dt="2022-08-09T10:30:48.145" v="74"/>
          <ac:inkMkLst>
            <pc:docMk/>
            <pc:sldMk cId="1300491009" sldId="554"/>
            <ac:inkMk id="62" creationId="{D5ABF5AC-139B-BCC6-62E7-FB8128A8822F}"/>
          </ac:inkMkLst>
        </pc:inkChg>
        <pc:inkChg chg="add reco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63" creationId="{2FD04655-93C2-625B-E9C1-BB829C2A1B58}"/>
          </ac:inkMkLst>
        </pc:inkChg>
        <pc:inkChg chg="add del">
          <ac:chgData name="Matias Vázquez Piñón" userId="2f86a967-3c9c-4a39-b538-7e6c0574d83d" providerId="ADAL" clId="{1A0B60B4-5995-4B42-BC87-125A2EA062BE}" dt="2022-08-09T10:30:52.465" v="79"/>
          <ac:inkMkLst>
            <pc:docMk/>
            <pc:sldMk cId="1300491009" sldId="554"/>
            <ac:inkMk id="63" creationId="{B28F1D98-C455-9AA1-0FA1-083503653BD9}"/>
          </ac:inkMkLst>
        </pc:inkChg>
        <pc:inkChg chg="add reco">
          <ac:chgData name="Matias Vázquez Piñón" userId="2f86a967-3c9c-4a39-b538-7e6c0574d83d" providerId="ADAL" clId="{1A0B60B4-5995-4B42-BC87-125A2EA062BE}" dt="2022-08-09T10:35:20.122" v="191"/>
          <ac:inkMkLst>
            <pc:docMk/>
            <pc:sldMk cId="1300491009" sldId="554"/>
            <ac:inkMk id="64" creationId="{D7C6E144-4122-E552-CE2A-763612A41337}"/>
          </ac:inkMkLst>
        </pc:inkChg>
        <pc:inkChg chg="add del">
          <ac:chgData name="Matias Vázquez Piñón" userId="2f86a967-3c9c-4a39-b538-7e6c0574d83d" providerId="ADAL" clId="{1A0B60B4-5995-4B42-BC87-125A2EA062BE}" dt="2022-08-09T10:30:52.465" v="79"/>
          <ac:inkMkLst>
            <pc:docMk/>
            <pc:sldMk cId="1300491009" sldId="554"/>
            <ac:inkMk id="64" creationId="{F1E37AB2-BF8C-8444-398A-099A32ED686D}"/>
          </ac:inkMkLst>
        </pc:inkChg>
        <pc:inkChg chg="add del">
          <ac:chgData name="Matias Vázquez Piñón" userId="2f86a967-3c9c-4a39-b538-7e6c0574d83d" providerId="ADAL" clId="{1A0B60B4-5995-4B42-BC87-125A2EA062BE}" dt="2022-08-09T10:35:45.192" v="194"/>
          <ac:inkMkLst>
            <pc:docMk/>
            <pc:sldMk cId="1300491009" sldId="554"/>
            <ac:inkMk id="65" creationId="{ACB70FD1-6C99-0ECD-B0F6-6AACF128B044}"/>
          </ac:inkMkLst>
        </pc:inkChg>
        <pc:inkChg chg="add del">
          <ac:chgData name="Matias Vázquez Piñón" userId="2f86a967-3c9c-4a39-b538-7e6c0574d83d" providerId="ADAL" clId="{1A0B60B4-5995-4B42-BC87-125A2EA062BE}" dt="2022-08-09T10:30:52.465" v="79"/>
          <ac:inkMkLst>
            <pc:docMk/>
            <pc:sldMk cId="1300491009" sldId="554"/>
            <ac:inkMk id="65" creationId="{E589B1C9-D08F-7830-A0F9-3F58498C829A}"/>
          </ac:inkMkLst>
        </pc:inkChg>
        <pc:inkChg chg="add del mod reco modStrokes">
          <ac:chgData name="Matias Vázquez Piñón" userId="2f86a967-3c9c-4a39-b538-7e6c0574d83d" providerId="ADAL" clId="{1A0B60B4-5995-4B42-BC87-125A2EA062BE}" dt="2022-08-09T10:34:02.687" v="131"/>
          <ac:inkMkLst>
            <pc:docMk/>
            <pc:sldMk cId="1300491009" sldId="554"/>
            <ac:inkMk id="66" creationId="{240FA8C1-6E2E-D56F-BA0B-C85F02956B93}"/>
          </ac:inkMkLst>
        </pc:inkChg>
        <pc:inkChg chg="add del">
          <ac:chgData name="Matias Vázquez Piñón" userId="2f86a967-3c9c-4a39-b538-7e6c0574d83d" providerId="ADAL" clId="{1A0B60B4-5995-4B42-BC87-125A2EA062BE}" dt="2022-08-09T10:30:57.752" v="82"/>
          <ac:inkMkLst>
            <pc:docMk/>
            <pc:sldMk cId="1300491009" sldId="554"/>
            <ac:inkMk id="67" creationId="{3827A028-2D78-C66A-5FAF-BA210B1A98F9}"/>
          </ac:inkMkLst>
        </pc:inkChg>
        <pc:inkChg chg="add del">
          <ac:chgData name="Matias Vázquez Piñón" userId="2f86a967-3c9c-4a39-b538-7e6c0574d83d" providerId="ADAL" clId="{1A0B60B4-5995-4B42-BC87-125A2EA062BE}" dt="2022-08-09T10:35:45.192" v="194"/>
          <ac:inkMkLst>
            <pc:docMk/>
            <pc:sldMk cId="1300491009" sldId="554"/>
            <ac:inkMk id="67" creationId="{96415075-8113-A8C6-666E-23D66A653A79}"/>
          </ac:inkMkLst>
        </pc:inkChg>
        <pc:inkChg chg="add del">
          <ac:chgData name="Matias Vázquez Piñón" userId="2f86a967-3c9c-4a39-b538-7e6c0574d83d" providerId="ADAL" clId="{1A0B60B4-5995-4B42-BC87-125A2EA062BE}" dt="2022-08-09T10:30:57.752" v="82"/>
          <ac:inkMkLst>
            <pc:docMk/>
            <pc:sldMk cId="1300491009" sldId="554"/>
            <ac:inkMk id="68" creationId="{24191115-C304-5780-601D-D0AF9460AD1E}"/>
          </ac:inkMkLst>
        </pc:inkChg>
        <pc:inkChg chg="add reco">
          <ac:chgData name="Matias Vázquez Piñón" userId="2f86a967-3c9c-4a39-b538-7e6c0574d83d" providerId="ADAL" clId="{1A0B60B4-5995-4B42-BC87-125A2EA062BE}" dt="2022-08-09T10:35:45.192" v="194"/>
          <ac:inkMkLst>
            <pc:docMk/>
            <pc:sldMk cId="1300491009" sldId="554"/>
            <ac:inkMk id="68" creationId="{7A485EA8-F0D9-A361-6DAC-1E6CC582C887}"/>
          </ac:inkMkLst>
        </pc:inkChg>
        <pc:inkChg chg="add del reco">
          <ac:chgData name="Matias Vázquez Piñón" userId="2f86a967-3c9c-4a39-b538-7e6c0574d83d" providerId="ADAL" clId="{1A0B60B4-5995-4B42-BC87-125A2EA062BE}" dt="2022-08-09T10:34:02.689" v="132"/>
          <ac:inkMkLst>
            <pc:docMk/>
            <pc:sldMk cId="1300491009" sldId="554"/>
            <ac:inkMk id="69" creationId="{3809DAE9-DD7C-8FD0-6689-909D0B7934E9}"/>
          </ac:inkMkLst>
        </pc:inkChg>
        <pc:inkChg chg="add del">
          <ac:chgData name="Matias Vázquez Piñón" userId="2f86a967-3c9c-4a39-b538-7e6c0574d83d" providerId="ADAL" clId="{1A0B60B4-5995-4B42-BC87-125A2EA062BE}" dt="2022-08-09T10:34:02.686" v="130"/>
          <ac:inkMkLst>
            <pc:docMk/>
            <pc:sldMk cId="1300491009" sldId="554"/>
            <ac:inkMk id="70" creationId="{0615E96E-EA14-75A6-BCE3-36102F35B2A1}"/>
          </ac:inkMkLst>
        </pc:inkChg>
        <pc:inkChg chg="add del">
          <ac:chgData name="Matias Vázquez Piñón" userId="2f86a967-3c9c-4a39-b538-7e6c0574d83d" providerId="ADAL" clId="{1A0B60B4-5995-4B42-BC87-125A2EA062BE}" dt="2022-08-09T10:34:02.681" v="127"/>
          <ac:inkMkLst>
            <pc:docMk/>
            <pc:sldMk cId="1300491009" sldId="554"/>
            <ac:inkMk id="71" creationId="{C10DAB2E-5B9F-2300-0A3F-5A39EEA08ACA}"/>
          </ac:inkMkLst>
        </pc:inkChg>
        <pc:inkChg chg="add del">
          <ac:chgData name="Matias Vázquez Piñón" userId="2f86a967-3c9c-4a39-b538-7e6c0574d83d" providerId="ADAL" clId="{1A0B60B4-5995-4B42-BC87-125A2EA062BE}" dt="2022-08-09T10:35:49.133" v="199"/>
          <ac:inkMkLst>
            <pc:docMk/>
            <pc:sldMk cId="1300491009" sldId="554"/>
            <ac:inkMk id="72" creationId="{2167B5DC-4B1E-BCC5-5BA0-46B1AA82210A}"/>
          </ac:inkMkLst>
        </pc:inkChg>
        <pc:inkChg chg="add del">
          <ac:chgData name="Matias Vázquez Piñón" userId="2f86a967-3c9c-4a39-b538-7e6c0574d83d" providerId="ADAL" clId="{1A0B60B4-5995-4B42-BC87-125A2EA062BE}" dt="2022-08-09T10:31:09.082" v="89"/>
          <ac:inkMkLst>
            <pc:docMk/>
            <pc:sldMk cId="1300491009" sldId="554"/>
            <ac:inkMk id="72" creationId="{BB01B63E-2A98-4BFF-21E2-AFCD42924516}"/>
          </ac:inkMkLst>
        </pc:inkChg>
        <pc:inkChg chg="add del">
          <ac:chgData name="Matias Vázquez Piñón" userId="2f86a967-3c9c-4a39-b538-7e6c0574d83d" providerId="ADAL" clId="{1A0B60B4-5995-4B42-BC87-125A2EA062BE}" dt="2022-08-09T10:35:48.177" v="198"/>
          <ac:inkMkLst>
            <pc:docMk/>
            <pc:sldMk cId="1300491009" sldId="554"/>
            <ac:inkMk id="73" creationId="{8079F915-0010-DF0D-8828-F2EA10CA16D5}"/>
          </ac:inkMkLst>
        </pc:inkChg>
        <pc:inkChg chg="add del">
          <ac:chgData name="Matias Vázquez Piñón" userId="2f86a967-3c9c-4a39-b538-7e6c0574d83d" providerId="ADAL" clId="{1A0B60B4-5995-4B42-BC87-125A2EA062BE}" dt="2022-08-09T10:31:09.082" v="89"/>
          <ac:inkMkLst>
            <pc:docMk/>
            <pc:sldMk cId="1300491009" sldId="554"/>
            <ac:inkMk id="73" creationId="{C7D2967E-6C05-1D95-14C1-2F4A6C47A26D}"/>
          </ac:inkMkLst>
        </pc:inkChg>
        <pc:inkChg chg="add del reco">
          <ac:chgData name="Matias Vázquez Piñón" userId="2f86a967-3c9c-4a39-b538-7e6c0574d83d" providerId="ADAL" clId="{1A0B60B4-5995-4B42-BC87-125A2EA062BE}" dt="2022-08-09T10:34:02.679" v="126"/>
          <ac:inkMkLst>
            <pc:docMk/>
            <pc:sldMk cId="1300491009" sldId="554"/>
            <ac:inkMk id="74" creationId="{DDA0D3F7-E2F7-228F-686F-0791E071E695}"/>
          </ac:inkMkLst>
        </pc:inkChg>
        <pc:inkChg chg="add del reco">
          <ac:chgData name="Matias Vázquez Piñón" userId="2f86a967-3c9c-4a39-b538-7e6c0574d83d" providerId="ADAL" clId="{1A0B60B4-5995-4B42-BC87-125A2EA062BE}" dt="2022-08-09T10:35:48.177" v="198"/>
          <ac:inkMkLst>
            <pc:docMk/>
            <pc:sldMk cId="1300491009" sldId="554"/>
            <ac:inkMk id="75" creationId="{19DCE200-7F5E-C606-6163-4B69D7B10DE5}"/>
          </ac:inkMkLst>
        </pc:inkChg>
        <pc:inkChg chg="add del">
          <ac:chgData name="Matias Vázquez Piñón" userId="2f86a967-3c9c-4a39-b538-7e6c0574d83d" providerId="ADAL" clId="{1A0B60B4-5995-4B42-BC87-125A2EA062BE}" dt="2022-08-09T10:31:10.517" v="92"/>
          <ac:inkMkLst>
            <pc:docMk/>
            <pc:sldMk cId="1300491009" sldId="554"/>
            <ac:inkMk id="75" creationId="{F014B82C-3E9B-666F-2D47-00ABF164EB4A}"/>
          </ac:inkMkLst>
        </pc:inkChg>
        <pc:inkChg chg="add del">
          <ac:chgData name="Matias Vázquez Piñón" userId="2f86a967-3c9c-4a39-b538-7e6c0574d83d" providerId="ADAL" clId="{1A0B60B4-5995-4B42-BC87-125A2EA062BE}" dt="2022-08-09T10:35:54.202" v="205"/>
          <ac:inkMkLst>
            <pc:docMk/>
            <pc:sldMk cId="1300491009" sldId="554"/>
            <ac:inkMk id="76" creationId="{B98E68F6-1FB9-CFC1-46FF-549248C1DF04}"/>
          </ac:inkMkLst>
        </pc:inkChg>
        <pc:inkChg chg="add del">
          <ac:chgData name="Matias Vázquez Piñón" userId="2f86a967-3c9c-4a39-b538-7e6c0574d83d" providerId="ADAL" clId="{1A0B60B4-5995-4B42-BC87-125A2EA062BE}" dt="2022-08-09T10:31:10.517" v="92"/>
          <ac:inkMkLst>
            <pc:docMk/>
            <pc:sldMk cId="1300491009" sldId="554"/>
            <ac:inkMk id="76" creationId="{DEE6A14D-4054-2D26-ABB7-3EC1F35149E7}"/>
          </ac:inkMkLst>
        </pc:inkChg>
        <pc:inkChg chg="add del reco">
          <ac:chgData name="Matias Vázquez Piñón" userId="2f86a967-3c9c-4a39-b538-7e6c0574d83d" providerId="ADAL" clId="{1A0B60B4-5995-4B42-BC87-125A2EA062BE}" dt="2022-08-09T10:34:02.667" v="122"/>
          <ac:inkMkLst>
            <pc:docMk/>
            <pc:sldMk cId="1300491009" sldId="554"/>
            <ac:inkMk id="77" creationId="{B11600AE-1B29-63CC-3641-623ACE77E140}"/>
          </ac:inkMkLst>
        </pc:inkChg>
        <pc:inkChg chg="add del">
          <ac:chgData name="Matias Vázquez Piñón" userId="2f86a967-3c9c-4a39-b538-7e6c0574d83d" providerId="ADAL" clId="{1A0B60B4-5995-4B42-BC87-125A2EA062BE}" dt="2022-08-09T10:35:54.202" v="205"/>
          <ac:inkMkLst>
            <pc:docMk/>
            <pc:sldMk cId="1300491009" sldId="554"/>
            <ac:inkMk id="78" creationId="{2EECB871-706E-5599-554D-EC23B0591331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78" creationId="{A2ABA172-A189-3219-459F-3B59AABF6021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79" creationId="{309FCB59-23FE-E4B0-09B9-D8846CFF2CF1}"/>
          </ac:inkMkLst>
        </pc:inkChg>
        <pc:inkChg chg="add del">
          <ac:chgData name="Matias Vázquez Piñón" userId="2f86a967-3c9c-4a39-b538-7e6c0574d83d" providerId="ADAL" clId="{1A0B60B4-5995-4B42-BC87-125A2EA062BE}" dt="2022-08-09T10:35:54.202" v="205"/>
          <ac:inkMkLst>
            <pc:docMk/>
            <pc:sldMk cId="1300491009" sldId="554"/>
            <ac:inkMk id="79" creationId="{4CF60DAC-B342-D015-6F1A-4693D45D9112}"/>
          </ac:inkMkLst>
        </pc:inkChg>
        <pc:inkChg chg="add del">
          <ac:chgData name="Matias Vázquez Piñón" userId="2f86a967-3c9c-4a39-b538-7e6c0574d83d" providerId="ADAL" clId="{1A0B60B4-5995-4B42-BC87-125A2EA062BE}" dt="2022-08-09T10:35:54.202" v="205"/>
          <ac:inkMkLst>
            <pc:docMk/>
            <pc:sldMk cId="1300491009" sldId="554"/>
            <ac:inkMk id="80" creationId="{4077FF57-46C6-DB55-1F24-840E1CD2B335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80" creationId="{C3E1D265-A4F1-BA8D-9E70-29E381820CF0}"/>
          </ac:inkMkLst>
        </pc:inkChg>
        <pc:inkChg chg="add del">
          <ac:chgData name="Matias Vázquez Piñón" userId="2f86a967-3c9c-4a39-b538-7e6c0574d83d" providerId="ADAL" clId="{1A0B60B4-5995-4B42-BC87-125A2EA062BE}" dt="2022-08-09T10:35:54.202" v="205"/>
          <ac:inkMkLst>
            <pc:docMk/>
            <pc:sldMk cId="1300491009" sldId="554"/>
            <ac:inkMk id="81" creationId="{5A361382-6101-9B2D-0FCB-60DA747A4E63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81" creationId="{B2AABAC7-E378-9042-007B-D45781D9BA5C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82" creationId="{A258AA38-E54B-F4F2-4DB2-E3228575B810}"/>
          </ac:inkMkLst>
        </pc:inkChg>
        <pc:inkChg chg="add reco">
          <ac:chgData name="Matias Vázquez Piñón" userId="2f86a967-3c9c-4a39-b538-7e6c0574d83d" providerId="ADAL" clId="{1A0B60B4-5995-4B42-BC87-125A2EA062BE}" dt="2022-08-09T10:35:54.202" v="205"/>
          <ac:inkMkLst>
            <pc:docMk/>
            <pc:sldMk cId="1300491009" sldId="554"/>
            <ac:inkMk id="82" creationId="{A543EBD6-C1ED-B6D0-DD38-A23F7661C3B3}"/>
          </ac:inkMkLst>
        </pc:inkChg>
        <pc:inkChg chg="add del">
          <ac:chgData name="Matias Vázquez Piñón" userId="2f86a967-3c9c-4a39-b538-7e6c0574d83d" providerId="ADAL" clId="{1A0B60B4-5995-4B42-BC87-125A2EA062BE}" dt="2022-08-09T10:35:57.876" v="210"/>
          <ac:inkMkLst>
            <pc:docMk/>
            <pc:sldMk cId="1300491009" sldId="554"/>
            <ac:inkMk id="83" creationId="{3A6EF351-39B3-ACF3-BDCA-CD01CDC4AF74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83" creationId="{E236857A-DEC6-9005-E20B-9808398DE9A6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84" creationId="{20EB8E12-16F6-F7DA-F371-E984FC61F048}"/>
          </ac:inkMkLst>
        </pc:inkChg>
        <pc:inkChg chg="add del">
          <ac:chgData name="Matias Vázquez Piñón" userId="2f86a967-3c9c-4a39-b538-7e6c0574d83d" providerId="ADAL" clId="{1A0B60B4-5995-4B42-BC87-125A2EA062BE}" dt="2022-08-09T10:35:57.876" v="210"/>
          <ac:inkMkLst>
            <pc:docMk/>
            <pc:sldMk cId="1300491009" sldId="554"/>
            <ac:inkMk id="84" creationId="{9F8EB30D-A4E7-3F5F-6EAB-7823B7D3AFBA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85" creationId="{1368C2EB-C2E2-A072-A32E-CEF74FD7EF8C}"/>
          </ac:inkMkLst>
        </pc:inkChg>
        <pc:inkChg chg="add del">
          <ac:chgData name="Matias Vázquez Piñón" userId="2f86a967-3c9c-4a39-b538-7e6c0574d83d" providerId="ADAL" clId="{1A0B60B4-5995-4B42-BC87-125A2EA062BE}" dt="2022-08-09T10:35:57.876" v="210"/>
          <ac:inkMkLst>
            <pc:docMk/>
            <pc:sldMk cId="1300491009" sldId="554"/>
            <ac:inkMk id="85" creationId="{C77BB95E-84A2-D586-CB20-A344606C002C}"/>
          </ac:inkMkLst>
        </pc:inkChg>
        <pc:inkChg chg="add del">
          <ac:chgData name="Matias Vázquez Piñón" userId="2f86a967-3c9c-4a39-b538-7e6c0574d83d" providerId="ADAL" clId="{1A0B60B4-5995-4B42-BC87-125A2EA062BE}" dt="2022-08-09T10:35:57.876" v="210"/>
          <ac:inkMkLst>
            <pc:docMk/>
            <pc:sldMk cId="1300491009" sldId="554"/>
            <ac:inkMk id="86" creationId="{53200201-3264-34AB-FF72-038D2822516C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86" creationId="{CC922779-3204-1290-1AA8-D2D7DC6F3238}"/>
          </ac:inkMkLst>
        </pc:inkChg>
        <pc:inkChg chg="add reco">
          <ac:chgData name="Matias Vázquez Piñón" userId="2f86a967-3c9c-4a39-b538-7e6c0574d83d" providerId="ADAL" clId="{1A0B60B4-5995-4B42-BC87-125A2EA062BE}" dt="2022-08-09T10:35:57.876" v="210"/>
          <ac:inkMkLst>
            <pc:docMk/>
            <pc:sldMk cId="1300491009" sldId="554"/>
            <ac:inkMk id="87" creationId="{7B192077-4C01-35A4-05DB-824CA0A52F67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87" creationId="{E3538C66-131E-0AC2-5133-AE2B8E8C5B63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88" creationId="{C38890EA-6291-7133-9CC7-F294AD459BEA}"/>
          </ac:inkMkLst>
        </pc:inkChg>
        <pc:inkChg chg="add del">
          <ac:chgData name="Matias Vázquez Piñón" userId="2f86a967-3c9c-4a39-b538-7e6c0574d83d" providerId="ADAL" clId="{1A0B60B4-5995-4B42-BC87-125A2EA062BE}" dt="2022-08-09T10:36:05.588" v="217"/>
          <ac:inkMkLst>
            <pc:docMk/>
            <pc:sldMk cId="1300491009" sldId="554"/>
            <ac:inkMk id="88" creationId="{E2F26227-146B-29D7-F9FE-E466C42250BE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89" creationId="{68A229C0-2F5B-42BE-F06C-8D0BD07591FE}"/>
          </ac:inkMkLst>
        </pc:inkChg>
        <pc:inkChg chg="add del">
          <ac:chgData name="Matias Vázquez Piñón" userId="2f86a967-3c9c-4a39-b538-7e6c0574d83d" providerId="ADAL" clId="{1A0B60B4-5995-4B42-BC87-125A2EA062BE}" dt="2022-08-09T10:36:05.588" v="217"/>
          <ac:inkMkLst>
            <pc:docMk/>
            <pc:sldMk cId="1300491009" sldId="554"/>
            <ac:inkMk id="89" creationId="{D1D2CE11-A675-A313-18A9-EB8FED315C36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90" creationId="{3F6FC559-076B-1C25-2911-030C0696034B}"/>
          </ac:inkMkLst>
        </pc:inkChg>
        <pc:inkChg chg="add del">
          <ac:chgData name="Matias Vázquez Piñón" userId="2f86a967-3c9c-4a39-b538-7e6c0574d83d" providerId="ADAL" clId="{1A0B60B4-5995-4B42-BC87-125A2EA062BE}" dt="2022-08-09T10:36:05.588" v="217"/>
          <ac:inkMkLst>
            <pc:docMk/>
            <pc:sldMk cId="1300491009" sldId="554"/>
            <ac:inkMk id="90" creationId="{BB739B69-D50A-36D5-CE8C-315B4FE60B20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91" creationId="{18D05DD7-EBBB-2FDD-B6A5-1B12FF137148}"/>
          </ac:inkMkLst>
        </pc:inkChg>
        <pc:inkChg chg="add del">
          <ac:chgData name="Matias Vázquez Piñón" userId="2f86a967-3c9c-4a39-b538-7e6c0574d83d" providerId="ADAL" clId="{1A0B60B4-5995-4B42-BC87-125A2EA062BE}" dt="2022-08-09T10:36:05.588" v="217"/>
          <ac:inkMkLst>
            <pc:docMk/>
            <pc:sldMk cId="1300491009" sldId="554"/>
            <ac:inkMk id="91" creationId="{628DC4ED-C634-29ED-2856-B89F6C7B620F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92" creationId="{40FBF7E0-1457-7D3B-0A5E-C8602820346F}"/>
          </ac:inkMkLst>
        </pc:inkChg>
        <pc:inkChg chg="add del">
          <ac:chgData name="Matias Vázquez Piñón" userId="2f86a967-3c9c-4a39-b538-7e6c0574d83d" providerId="ADAL" clId="{1A0B60B4-5995-4B42-BC87-125A2EA062BE}" dt="2022-08-09T10:36:05.588" v="217"/>
          <ac:inkMkLst>
            <pc:docMk/>
            <pc:sldMk cId="1300491009" sldId="554"/>
            <ac:inkMk id="92" creationId="{4D789867-1F97-8467-99C1-3220990DAC74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93" creationId="{413B519D-B4E7-DA05-2874-5143FB59C799}"/>
          </ac:inkMkLst>
        </pc:inkChg>
        <pc:inkChg chg="add del">
          <ac:chgData name="Matias Vázquez Piñón" userId="2f86a967-3c9c-4a39-b538-7e6c0574d83d" providerId="ADAL" clId="{1A0B60B4-5995-4B42-BC87-125A2EA062BE}" dt="2022-08-09T10:36:05.588" v="217"/>
          <ac:inkMkLst>
            <pc:docMk/>
            <pc:sldMk cId="1300491009" sldId="554"/>
            <ac:inkMk id="93" creationId="{ACB63686-6ECD-E5C8-3EE6-15C437387B66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94" creationId="{76523EBF-7FC5-3A5E-D709-22A0509E1FD4}"/>
          </ac:inkMkLst>
        </pc:inkChg>
        <pc:inkChg chg="add reco">
          <ac:chgData name="Matias Vázquez Piñón" userId="2f86a967-3c9c-4a39-b538-7e6c0574d83d" providerId="ADAL" clId="{1A0B60B4-5995-4B42-BC87-125A2EA062BE}" dt="2022-08-09T10:36:05.588" v="217"/>
          <ac:inkMkLst>
            <pc:docMk/>
            <pc:sldMk cId="1300491009" sldId="554"/>
            <ac:inkMk id="94" creationId="{A865C7B5-CF49-D91E-18EB-10AE63E071AA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95" creationId="{1A505822-5A3B-BB41-9C31-BEA23616C93F}"/>
          </ac:inkMkLst>
        </pc:inkChg>
        <pc:inkChg chg="add del">
          <ac:chgData name="Matias Vázquez Piñón" userId="2f86a967-3c9c-4a39-b538-7e6c0574d83d" providerId="ADAL" clId="{1A0B60B4-5995-4B42-BC87-125A2EA062BE}" dt="2022-08-09T10:36:09.011" v="222"/>
          <ac:inkMkLst>
            <pc:docMk/>
            <pc:sldMk cId="1300491009" sldId="554"/>
            <ac:inkMk id="95" creationId="{DD31229C-7F91-21C1-9371-208643FAD06B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96" creationId="{C35BF903-0E5C-5E93-EFDB-96E8B3D0C32B}"/>
          </ac:inkMkLst>
        </pc:inkChg>
        <pc:inkChg chg="add del">
          <ac:chgData name="Matias Vázquez Piñón" userId="2f86a967-3c9c-4a39-b538-7e6c0574d83d" providerId="ADAL" clId="{1A0B60B4-5995-4B42-BC87-125A2EA062BE}" dt="2022-08-09T10:36:09.011" v="222"/>
          <ac:inkMkLst>
            <pc:docMk/>
            <pc:sldMk cId="1300491009" sldId="554"/>
            <ac:inkMk id="96" creationId="{D1E032AE-1323-17B7-9085-148CD4EEA45D}"/>
          </ac:inkMkLst>
        </pc:inkChg>
        <pc:inkChg chg="add del">
          <ac:chgData name="Matias Vázquez Piñón" userId="2f86a967-3c9c-4a39-b538-7e6c0574d83d" providerId="ADAL" clId="{1A0B60B4-5995-4B42-BC87-125A2EA062BE}" dt="2022-08-09T10:36:09.011" v="222"/>
          <ac:inkMkLst>
            <pc:docMk/>
            <pc:sldMk cId="1300491009" sldId="554"/>
            <ac:inkMk id="97" creationId="{0507C385-01E4-A782-D382-772070D68056}"/>
          </ac:inkMkLst>
        </pc:inkChg>
        <pc:inkChg chg="add del">
          <ac:chgData name="Matias Vázquez Piñón" userId="2f86a967-3c9c-4a39-b538-7e6c0574d83d" providerId="ADAL" clId="{1A0B60B4-5995-4B42-BC87-125A2EA062BE}" dt="2022-08-09T10:36:09.011" v="222"/>
          <ac:inkMkLst>
            <pc:docMk/>
            <pc:sldMk cId="1300491009" sldId="554"/>
            <ac:inkMk id="98" creationId="{79C13F5C-03E4-E17D-D4A1-C0D0A582C482}"/>
          </ac:inkMkLst>
        </pc:inkChg>
        <pc:inkChg chg="add reco">
          <ac:chgData name="Matias Vázquez Piñón" userId="2f86a967-3c9c-4a39-b538-7e6c0574d83d" providerId="ADAL" clId="{1A0B60B4-5995-4B42-BC87-125A2EA062BE}" dt="2022-08-09T10:36:09.011" v="222"/>
          <ac:inkMkLst>
            <pc:docMk/>
            <pc:sldMk cId="1300491009" sldId="554"/>
            <ac:inkMk id="99" creationId="{0F73A1A4-65F7-79D9-B1CE-A216EF591B4F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99" creationId="{43464F7C-D250-8A91-36CB-06EE31B5E9B3}"/>
          </ac:inkMkLst>
        </pc:inkChg>
        <pc:inkChg chg="add del">
          <ac:chgData name="Matias Vázquez Piñón" userId="2f86a967-3c9c-4a39-b538-7e6c0574d83d" providerId="ADAL" clId="{1A0B60B4-5995-4B42-BC87-125A2EA062BE}" dt="2022-08-09T10:36:14.624" v="225"/>
          <ac:inkMkLst>
            <pc:docMk/>
            <pc:sldMk cId="1300491009" sldId="554"/>
            <ac:inkMk id="100" creationId="{3BA6663D-3A61-23A3-FF10-7E3E72F4C94C}"/>
          </ac:inkMkLst>
        </pc:inkChg>
        <pc:inkChg chg="add del">
          <ac:chgData name="Matias Vázquez Piñón" userId="2f86a967-3c9c-4a39-b538-7e6c0574d83d" providerId="ADAL" clId="{1A0B60B4-5995-4B42-BC87-125A2EA062BE}" dt="2022-08-09T10:32:38.321" v="114"/>
          <ac:inkMkLst>
            <pc:docMk/>
            <pc:sldMk cId="1300491009" sldId="554"/>
            <ac:inkMk id="100" creationId="{6C8A5E54-8CB5-13C0-D995-E5C76172B8D3}"/>
          </ac:inkMkLst>
        </pc:inkChg>
        <pc:inkChg chg="add del reco">
          <ac:chgData name="Matias Vázquez Piñón" userId="2f86a967-3c9c-4a39-b538-7e6c0574d83d" providerId="ADAL" clId="{1A0B60B4-5995-4B42-BC87-125A2EA062BE}" dt="2022-08-09T10:34:02.671" v="123"/>
          <ac:inkMkLst>
            <pc:docMk/>
            <pc:sldMk cId="1300491009" sldId="554"/>
            <ac:inkMk id="101" creationId="{4A5EC8BF-E01E-1DB3-8DC0-0B7A25F39B63}"/>
          </ac:inkMkLst>
        </pc:inkChg>
        <pc:inkChg chg="add del">
          <ac:chgData name="Matias Vázquez Piñón" userId="2f86a967-3c9c-4a39-b538-7e6c0574d83d" providerId="ADAL" clId="{1A0B60B4-5995-4B42-BC87-125A2EA062BE}" dt="2022-08-09T10:34:02.675" v="125"/>
          <ac:inkMkLst>
            <pc:docMk/>
            <pc:sldMk cId="1300491009" sldId="554"/>
            <ac:inkMk id="102" creationId="{FF5E3D0A-DAE3-65B2-B1BF-13E34B466BE0}"/>
          </ac:inkMkLst>
        </pc:inkChg>
        <pc:inkChg chg="add del">
          <ac:chgData name="Matias Vázquez Piñón" userId="2f86a967-3c9c-4a39-b538-7e6c0574d83d" providerId="ADAL" clId="{1A0B60B4-5995-4B42-BC87-125A2EA062BE}" dt="2022-08-09T10:32:48.695" v="120"/>
          <ac:inkMkLst>
            <pc:docMk/>
            <pc:sldMk cId="1300491009" sldId="554"/>
            <ac:inkMk id="103" creationId="{99CAA214-7773-1D08-E6ED-AEF674812021}"/>
          </ac:inkMkLst>
        </pc:inkChg>
        <pc:inkChg chg="add del">
          <ac:chgData name="Matias Vázquez Piñón" userId="2f86a967-3c9c-4a39-b538-7e6c0574d83d" providerId="ADAL" clId="{1A0B60B4-5995-4B42-BC87-125A2EA062BE}" dt="2022-08-09T10:36:14.624" v="225"/>
          <ac:inkMkLst>
            <pc:docMk/>
            <pc:sldMk cId="1300491009" sldId="554"/>
            <ac:inkMk id="103" creationId="{BC55980A-969A-5C13-27DD-461D1CE241B0}"/>
          </ac:inkMkLst>
        </pc:inkChg>
        <pc:inkChg chg="add del">
          <ac:chgData name="Matias Vázquez Piñón" userId="2f86a967-3c9c-4a39-b538-7e6c0574d83d" providerId="ADAL" clId="{1A0B60B4-5995-4B42-BC87-125A2EA062BE}" dt="2022-08-09T10:32:48.695" v="120"/>
          <ac:inkMkLst>
            <pc:docMk/>
            <pc:sldMk cId="1300491009" sldId="554"/>
            <ac:inkMk id="104" creationId="{546635E2-600F-46F7-71E4-5C7C71BD7053}"/>
          </ac:inkMkLst>
        </pc:inkChg>
        <pc:inkChg chg="add reco">
          <ac:chgData name="Matias Vázquez Piñón" userId="2f86a967-3c9c-4a39-b538-7e6c0574d83d" providerId="ADAL" clId="{1A0B60B4-5995-4B42-BC87-125A2EA062BE}" dt="2022-08-09T10:36:14.624" v="225"/>
          <ac:inkMkLst>
            <pc:docMk/>
            <pc:sldMk cId="1300491009" sldId="554"/>
            <ac:inkMk id="104" creationId="{55D9D3EF-1B80-1AF7-04B5-2E46348D5990}"/>
          </ac:inkMkLst>
        </pc:inkChg>
        <pc:inkChg chg="add del">
          <ac:chgData name="Matias Vázquez Piñón" userId="2f86a967-3c9c-4a39-b538-7e6c0574d83d" providerId="ADAL" clId="{1A0B60B4-5995-4B42-BC87-125A2EA062BE}" dt="2022-08-09T10:36:19.471" v="230"/>
          <ac:inkMkLst>
            <pc:docMk/>
            <pc:sldMk cId="1300491009" sldId="554"/>
            <ac:inkMk id="105" creationId="{670DEB3E-D161-D5B5-217C-D0F4CF269193}"/>
          </ac:inkMkLst>
        </pc:inkChg>
        <pc:inkChg chg="add del">
          <ac:chgData name="Matias Vázquez Piñón" userId="2f86a967-3c9c-4a39-b538-7e6c0574d83d" providerId="ADAL" clId="{1A0B60B4-5995-4B42-BC87-125A2EA062BE}" dt="2022-08-09T10:32:48.695" v="120"/>
          <ac:inkMkLst>
            <pc:docMk/>
            <pc:sldMk cId="1300491009" sldId="554"/>
            <ac:inkMk id="105" creationId="{A7DA8CE9-A463-942B-D323-FC76862EC98D}"/>
          </ac:inkMkLst>
        </pc:inkChg>
        <pc:inkChg chg="add del">
          <ac:chgData name="Matias Vázquez Piñón" userId="2f86a967-3c9c-4a39-b538-7e6c0574d83d" providerId="ADAL" clId="{1A0B60B4-5995-4B42-BC87-125A2EA062BE}" dt="2022-08-09T10:34:02.673" v="124"/>
          <ac:inkMkLst>
            <pc:docMk/>
            <pc:sldMk cId="1300491009" sldId="554"/>
            <ac:inkMk id="106" creationId="{D36C5428-7C09-5D69-905F-952CD67F8BA4}"/>
          </ac:inkMkLst>
        </pc:inkChg>
        <pc:inkChg chg="add del reco">
          <ac:chgData name="Matias Vázquez Piñón" userId="2f86a967-3c9c-4a39-b538-7e6c0574d83d" providerId="ADAL" clId="{1A0B60B4-5995-4B42-BC87-125A2EA062BE}" dt="2022-08-09T10:34:02.683" v="128"/>
          <ac:inkMkLst>
            <pc:docMk/>
            <pc:sldMk cId="1300491009" sldId="554"/>
            <ac:inkMk id="107" creationId="{0E8A9ADF-279E-9581-7D28-5C32FA69E171}"/>
          </ac:inkMkLst>
        </pc:inkChg>
        <pc:inkChg chg="add del">
          <ac:chgData name="Matias Vázquez Piñón" userId="2f86a967-3c9c-4a39-b538-7e6c0574d83d" providerId="ADAL" clId="{1A0B60B4-5995-4B42-BC87-125A2EA062BE}" dt="2022-08-09T10:36:19.471" v="230"/>
          <ac:inkMkLst>
            <pc:docMk/>
            <pc:sldMk cId="1300491009" sldId="554"/>
            <ac:inkMk id="108" creationId="{D6FDFD0A-8F2C-E0FE-3E88-B4DB8470066A}"/>
          </ac:inkMkLst>
        </pc:inkChg>
        <pc:inkChg chg="add del">
          <ac:chgData name="Matias Vázquez Piñón" userId="2f86a967-3c9c-4a39-b538-7e6c0574d83d" providerId="ADAL" clId="{1A0B60B4-5995-4B42-BC87-125A2EA062BE}" dt="2022-08-09T10:36:19.471" v="230"/>
          <ac:inkMkLst>
            <pc:docMk/>
            <pc:sldMk cId="1300491009" sldId="554"/>
            <ac:inkMk id="109" creationId="{8E1A116C-35ED-3C56-E458-079D9B2D78C2}"/>
          </ac:inkMkLst>
        </pc:inkChg>
        <pc:inkChg chg="add del">
          <ac:chgData name="Matias Vázquez Piñón" userId="2f86a967-3c9c-4a39-b538-7e6c0574d83d" providerId="ADAL" clId="{1A0B60B4-5995-4B42-BC87-125A2EA062BE}" dt="2022-08-09T10:36:19.471" v="230"/>
          <ac:inkMkLst>
            <pc:docMk/>
            <pc:sldMk cId="1300491009" sldId="554"/>
            <ac:inkMk id="110" creationId="{86E4D092-C2EA-0B4C-2F29-721796889DCE}"/>
          </ac:inkMkLst>
        </pc:inkChg>
        <pc:inkChg chg="add reco">
          <ac:chgData name="Matias Vázquez Piñón" userId="2f86a967-3c9c-4a39-b538-7e6c0574d83d" providerId="ADAL" clId="{1A0B60B4-5995-4B42-BC87-125A2EA062BE}" dt="2022-08-09T10:36:19.471" v="230"/>
          <ac:inkMkLst>
            <pc:docMk/>
            <pc:sldMk cId="1300491009" sldId="554"/>
            <ac:inkMk id="111" creationId="{3094D463-D6A4-5D2E-5C1E-82D246703091}"/>
          </ac:inkMkLst>
        </pc:inkChg>
        <pc:inkChg chg="add del">
          <ac:chgData name="Matias Vázquez Piñón" userId="2f86a967-3c9c-4a39-b538-7e6c0574d83d" providerId="ADAL" clId="{1A0B60B4-5995-4B42-BC87-125A2EA062BE}" dt="2022-08-09T10:36:22.686" v="233"/>
          <ac:inkMkLst>
            <pc:docMk/>
            <pc:sldMk cId="1300491009" sldId="554"/>
            <ac:inkMk id="112" creationId="{A4E6C888-4436-1CFD-CE65-757F9E7ABAD0}"/>
          </ac:inkMkLst>
        </pc:inkChg>
        <pc:inkChg chg="add del">
          <ac:chgData name="Matias Vázquez Piñón" userId="2f86a967-3c9c-4a39-b538-7e6c0574d83d" providerId="ADAL" clId="{1A0B60B4-5995-4B42-BC87-125A2EA062BE}" dt="2022-08-09T10:36:22.686" v="233"/>
          <ac:inkMkLst>
            <pc:docMk/>
            <pc:sldMk cId="1300491009" sldId="554"/>
            <ac:inkMk id="113" creationId="{4FB743AA-19F7-2DB3-274E-0F75C83383C4}"/>
          </ac:inkMkLst>
        </pc:inkChg>
        <pc:inkChg chg="add reco">
          <ac:chgData name="Matias Vázquez Piñón" userId="2f86a967-3c9c-4a39-b538-7e6c0574d83d" providerId="ADAL" clId="{1A0B60B4-5995-4B42-BC87-125A2EA062BE}" dt="2022-08-09T10:36:22.686" v="233"/>
          <ac:inkMkLst>
            <pc:docMk/>
            <pc:sldMk cId="1300491009" sldId="554"/>
            <ac:inkMk id="114" creationId="{C55B340C-89A7-EBF4-CC8C-EB93E9D64030}"/>
          </ac:inkMkLst>
        </pc:inkChg>
        <pc:inkChg chg="add del">
          <ac:chgData name="Matias Vázquez Piñón" userId="2f86a967-3c9c-4a39-b538-7e6c0574d83d" providerId="ADAL" clId="{1A0B60B4-5995-4B42-BC87-125A2EA062BE}" dt="2022-08-09T10:36:26.413" v="238"/>
          <ac:inkMkLst>
            <pc:docMk/>
            <pc:sldMk cId="1300491009" sldId="554"/>
            <ac:inkMk id="115" creationId="{65B90194-2DF8-A7AD-CD0F-34C293B2052A}"/>
          </ac:inkMkLst>
        </pc:inkChg>
        <pc:inkChg chg="add del">
          <ac:chgData name="Matias Vázquez Piñón" userId="2f86a967-3c9c-4a39-b538-7e6c0574d83d" providerId="ADAL" clId="{1A0B60B4-5995-4B42-BC87-125A2EA062BE}" dt="2022-08-09T10:36:26.413" v="238"/>
          <ac:inkMkLst>
            <pc:docMk/>
            <pc:sldMk cId="1300491009" sldId="554"/>
            <ac:inkMk id="116" creationId="{AFB7EA25-B986-B861-A06C-C71FD5ACFBC8}"/>
          </ac:inkMkLst>
        </pc:inkChg>
        <pc:inkChg chg="add del">
          <ac:chgData name="Matias Vázquez Piñón" userId="2f86a967-3c9c-4a39-b538-7e6c0574d83d" providerId="ADAL" clId="{1A0B60B4-5995-4B42-BC87-125A2EA062BE}" dt="2022-08-09T10:36:26.413" v="238"/>
          <ac:inkMkLst>
            <pc:docMk/>
            <pc:sldMk cId="1300491009" sldId="554"/>
            <ac:inkMk id="117" creationId="{D4A159DE-1CB2-0AAC-9BC4-30C59FD8917E}"/>
          </ac:inkMkLst>
        </pc:inkChg>
        <pc:inkChg chg="add del">
          <ac:chgData name="Matias Vázquez Piñón" userId="2f86a967-3c9c-4a39-b538-7e6c0574d83d" providerId="ADAL" clId="{1A0B60B4-5995-4B42-BC87-125A2EA062BE}" dt="2022-08-09T10:36:26.413" v="238"/>
          <ac:inkMkLst>
            <pc:docMk/>
            <pc:sldMk cId="1300491009" sldId="554"/>
            <ac:inkMk id="118" creationId="{DBEC7A17-7A2D-2D81-28BB-E8CDC23E0624}"/>
          </ac:inkMkLst>
        </pc:inkChg>
        <pc:inkChg chg="add reco">
          <ac:chgData name="Matias Vázquez Piñón" userId="2f86a967-3c9c-4a39-b538-7e6c0574d83d" providerId="ADAL" clId="{1A0B60B4-5995-4B42-BC87-125A2EA062BE}" dt="2022-08-09T10:36:26.413" v="238"/>
          <ac:inkMkLst>
            <pc:docMk/>
            <pc:sldMk cId="1300491009" sldId="554"/>
            <ac:inkMk id="119" creationId="{5345CC95-67C1-2675-9EF4-1D16F9B708F9}"/>
          </ac:inkMkLst>
        </pc:inkChg>
        <pc:inkChg chg="add">
          <ac:chgData name="Matias Vázquez Piñón" userId="2f86a967-3c9c-4a39-b538-7e6c0574d83d" providerId="ADAL" clId="{1A0B60B4-5995-4B42-BC87-125A2EA062BE}" dt="2022-08-09T10:36:26.745" v="239"/>
          <ac:inkMkLst>
            <pc:docMk/>
            <pc:sldMk cId="1300491009" sldId="554"/>
            <ac:inkMk id="120" creationId="{A0EBE3D4-6791-76EC-76D8-3B5EC2AE351C}"/>
          </ac:inkMkLst>
        </pc:inkChg>
        <pc:inkChg chg="add del">
          <ac:chgData name="Matias Vázquez Piñón" userId="2f86a967-3c9c-4a39-b538-7e6c0574d83d" providerId="ADAL" clId="{1A0B60B4-5995-4B42-BC87-125A2EA062BE}" dt="2022-08-09T10:36:29.720" v="242"/>
          <ac:inkMkLst>
            <pc:docMk/>
            <pc:sldMk cId="1300491009" sldId="554"/>
            <ac:inkMk id="121" creationId="{503F9281-BB3D-719E-7CA4-B7522273B13A}"/>
          </ac:inkMkLst>
        </pc:inkChg>
        <pc:inkChg chg="add del">
          <ac:chgData name="Matias Vázquez Piñón" userId="2f86a967-3c9c-4a39-b538-7e6c0574d83d" providerId="ADAL" clId="{1A0B60B4-5995-4B42-BC87-125A2EA062BE}" dt="2022-08-09T10:36:29.720" v="242"/>
          <ac:inkMkLst>
            <pc:docMk/>
            <pc:sldMk cId="1300491009" sldId="554"/>
            <ac:inkMk id="122" creationId="{ED281CC0-6826-A84F-2E89-16EF15D049F0}"/>
          </ac:inkMkLst>
        </pc:inkChg>
        <pc:inkChg chg="add reco">
          <ac:chgData name="Matias Vázquez Piñón" userId="2f86a967-3c9c-4a39-b538-7e6c0574d83d" providerId="ADAL" clId="{1A0B60B4-5995-4B42-BC87-125A2EA062BE}" dt="2022-08-09T10:36:29.720" v="242"/>
          <ac:inkMkLst>
            <pc:docMk/>
            <pc:sldMk cId="1300491009" sldId="554"/>
            <ac:inkMk id="123" creationId="{D9138876-8FD1-1359-E505-19E065185B46}"/>
          </ac:inkMkLst>
        </pc:inkChg>
        <pc:inkChg chg="add del">
          <ac:chgData name="Matias Vázquez Piñón" userId="2f86a967-3c9c-4a39-b538-7e6c0574d83d" providerId="ADAL" clId="{1A0B60B4-5995-4B42-BC87-125A2EA062BE}" dt="2022-08-09T10:36:35.971" v="252"/>
          <ac:inkMkLst>
            <pc:docMk/>
            <pc:sldMk cId="1300491009" sldId="554"/>
            <ac:inkMk id="124" creationId="{03D71F35-55A3-C22A-B847-EF66B040D27D}"/>
          </ac:inkMkLst>
        </pc:inkChg>
        <pc:inkChg chg="add del">
          <ac:chgData name="Matias Vázquez Piñón" userId="2f86a967-3c9c-4a39-b538-7e6c0574d83d" providerId="ADAL" clId="{1A0B60B4-5995-4B42-BC87-125A2EA062BE}" dt="2022-08-09T10:36:35.971" v="252"/>
          <ac:inkMkLst>
            <pc:docMk/>
            <pc:sldMk cId="1300491009" sldId="554"/>
            <ac:inkMk id="125" creationId="{E67715F1-C6F3-59B1-7C9F-465CDA7F5C10}"/>
          </ac:inkMkLst>
        </pc:inkChg>
        <pc:inkChg chg="add del">
          <ac:chgData name="Matias Vázquez Piñón" userId="2f86a967-3c9c-4a39-b538-7e6c0574d83d" providerId="ADAL" clId="{1A0B60B4-5995-4B42-BC87-125A2EA062BE}" dt="2022-08-09T10:36:35.971" v="252"/>
          <ac:inkMkLst>
            <pc:docMk/>
            <pc:sldMk cId="1300491009" sldId="554"/>
            <ac:inkMk id="126" creationId="{B57C498F-61A9-9B52-E76A-A3F439B1C47C}"/>
          </ac:inkMkLst>
        </pc:inkChg>
        <pc:inkChg chg="add del">
          <ac:chgData name="Matias Vázquez Piñón" userId="2f86a967-3c9c-4a39-b538-7e6c0574d83d" providerId="ADAL" clId="{1A0B60B4-5995-4B42-BC87-125A2EA062BE}" dt="2022-08-09T10:36:35.971" v="252"/>
          <ac:inkMkLst>
            <pc:docMk/>
            <pc:sldMk cId="1300491009" sldId="554"/>
            <ac:inkMk id="127" creationId="{2030AE9A-E068-4B38-2E6B-E97F981F2461}"/>
          </ac:inkMkLst>
        </pc:inkChg>
        <pc:inkChg chg="add del">
          <ac:chgData name="Matias Vázquez Piñón" userId="2f86a967-3c9c-4a39-b538-7e6c0574d83d" providerId="ADAL" clId="{1A0B60B4-5995-4B42-BC87-125A2EA062BE}" dt="2022-08-09T10:36:35.971" v="252"/>
          <ac:inkMkLst>
            <pc:docMk/>
            <pc:sldMk cId="1300491009" sldId="554"/>
            <ac:inkMk id="128" creationId="{1CC04072-F857-5329-842F-B53A5D156C8F}"/>
          </ac:inkMkLst>
        </pc:inkChg>
        <pc:inkChg chg="add del">
          <ac:chgData name="Matias Vázquez Piñón" userId="2f86a967-3c9c-4a39-b538-7e6c0574d83d" providerId="ADAL" clId="{1A0B60B4-5995-4B42-BC87-125A2EA062BE}" dt="2022-08-09T10:36:35.971" v="252"/>
          <ac:inkMkLst>
            <pc:docMk/>
            <pc:sldMk cId="1300491009" sldId="554"/>
            <ac:inkMk id="129" creationId="{0E7CD22C-26AB-F455-2C0B-02940DC208C0}"/>
          </ac:inkMkLst>
        </pc:inkChg>
        <pc:inkChg chg="add del">
          <ac:chgData name="Matias Vázquez Piñón" userId="2f86a967-3c9c-4a39-b538-7e6c0574d83d" providerId="ADAL" clId="{1A0B60B4-5995-4B42-BC87-125A2EA062BE}" dt="2022-08-09T10:36:35.971" v="252"/>
          <ac:inkMkLst>
            <pc:docMk/>
            <pc:sldMk cId="1300491009" sldId="554"/>
            <ac:inkMk id="130" creationId="{54CC3F42-C773-8481-EEAB-177EBC078C7E}"/>
          </ac:inkMkLst>
        </pc:inkChg>
        <pc:inkChg chg="add del">
          <ac:chgData name="Matias Vázquez Piñón" userId="2f86a967-3c9c-4a39-b538-7e6c0574d83d" providerId="ADAL" clId="{1A0B60B4-5995-4B42-BC87-125A2EA062BE}" dt="2022-08-09T10:36:35.971" v="252"/>
          <ac:inkMkLst>
            <pc:docMk/>
            <pc:sldMk cId="1300491009" sldId="554"/>
            <ac:inkMk id="131" creationId="{E4684268-9BB7-F265-FA15-3E1C7680CE7A}"/>
          </ac:inkMkLst>
        </pc:inkChg>
        <pc:inkChg chg="add del">
          <ac:chgData name="Matias Vázquez Piñón" userId="2f86a967-3c9c-4a39-b538-7e6c0574d83d" providerId="ADAL" clId="{1A0B60B4-5995-4B42-BC87-125A2EA062BE}" dt="2022-08-09T10:36:35.971" v="252"/>
          <ac:inkMkLst>
            <pc:docMk/>
            <pc:sldMk cId="1300491009" sldId="554"/>
            <ac:inkMk id="132" creationId="{FB96DC46-79BE-D8F6-4D55-6B02813D32EE}"/>
          </ac:inkMkLst>
        </pc:inkChg>
        <pc:inkChg chg="add reco">
          <ac:chgData name="Matias Vázquez Piñón" userId="2f86a967-3c9c-4a39-b538-7e6c0574d83d" providerId="ADAL" clId="{1A0B60B4-5995-4B42-BC87-125A2EA062BE}" dt="2022-08-09T10:36:35.971" v="252"/>
          <ac:inkMkLst>
            <pc:docMk/>
            <pc:sldMk cId="1300491009" sldId="554"/>
            <ac:inkMk id="133" creationId="{4A6FB257-1700-8A69-B4E2-692DF1DC6653}"/>
          </ac:inkMkLst>
        </pc:inkChg>
        <pc:inkChg chg="add reco">
          <ac:chgData name="Matias Vázquez Piñón" userId="2f86a967-3c9c-4a39-b538-7e6c0574d83d" providerId="ADAL" clId="{1A0B60B4-5995-4B42-BC87-125A2EA062BE}" dt="2022-08-09T10:36:35.971" v="252"/>
          <ac:inkMkLst>
            <pc:docMk/>
            <pc:sldMk cId="1300491009" sldId="554"/>
            <ac:inkMk id="134" creationId="{5A814F0F-E030-0BC3-A228-30009906E8F5}"/>
          </ac:inkMkLst>
        </pc:inkChg>
        <pc:inkChg chg="add del">
          <ac:chgData name="Matias Vázquez Piñón" userId="2f86a967-3c9c-4a39-b538-7e6c0574d83d" providerId="ADAL" clId="{1A0B60B4-5995-4B42-BC87-125A2EA062BE}" dt="2022-08-09T10:36:40.154" v="255"/>
          <ac:inkMkLst>
            <pc:docMk/>
            <pc:sldMk cId="1300491009" sldId="554"/>
            <ac:inkMk id="135" creationId="{0E46FBDB-01F9-414C-095C-D8A65F3B4545}"/>
          </ac:inkMkLst>
        </pc:inkChg>
        <pc:inkChg chg="add del">
          <ac:chgData name="Matias Vázquez Piñón" userId="2f86a967-3c9c-4a39-b538-7e6c0574d83d" providerId="ADAL" clId="{1A0B60B4-5995-4B42-BC87-125A2EA062BE}" dt="2022-08-09T10:36:40.154" v="255"/>
          <ac:inkMkLst>
            <pc:docMk/>
            <pc:sldMk cId="1300491009" sldId="554"/>
            <ac:inkMk id="136" creationId="{EA90A324-C210-9092-4D4F-B682CF868011}"/>
          </ac:inkMkLst>
        </pc:inkChg>
        <pc:inkChg chg="add reco">
          <ac:chgData name="Matias Vázquez Piñón" userId="2f86a967-3c9c-4a39-b538-7e6c0574d83d" providerId="ADAL" clId="{1A0B60B4-5995-4B42-BC87-125A2EA062BE}" dt="2022-08-09T10:36:40.154" v="255"/>
          <ac:inkMkLst>
            <pc:docMk/>
            <pc:sldMk cId="1300491009" sldId="554"/>
            <ac:inkMk id="137" creationId="{89B59EC2-25A1-7950-D774-915FCA2646FC}"/>
          </ac:inkMkLst>
        </pc:inkChg>
        <pc:inkChg chg="add del">
          <ac:chgData name="Matias Vázquez Piñón" userId="2f86a967-3c9c-4a39-b538-7e6c0574d83d" providerId="ADAL" clId="{1A0B60B4-5995-4B42-BC87-125A2EA062BE}" dt="2022-08-09T10:36:44.837" v="259"/>
          <ac:inkMkLst>
            <pc:docMk/>
            <pc:sldMk cId="1300491009" sldId="554"/>
            <ac:inkMk id="138" creationId="{386F08E1-24DD-A927-614B-434D57DD984C}"/>
          </ac:inkMkLst>
        </pc:inkChg>
        <pc:inkChg chg="add del">
          <ac:chgData name="Matias Vázquez Piñón" userId="2f86a967-3c9c-4a39-b538-7e6c0574d83d" providerId="ADAL" clId="{1A0B60B4-5995-4B42-BC87-125A2EA062BE}" dt="2022-08-09T10:36:44.837" v="259"/>
          <ac:inkMkLst>
            <pc:docMk/>
            <pc:sldMk cId="1300491009" sldId="554"/>
            <ac:inkMk id="139" creationId="{B715FC93-7D28-30E0-5ACA-2392F1A42611}"/>
          </ac:inkMkLst>
        </pc:inkChg>
        <pc:inkChg chg="add del">
          <ac:chgData name="Matias Vázquez Piñón" userId="2f86a967-3c9c-4a39-b538-7e6c0574d83d" providerId="ADAL" clId="{1A0B60B4-5995-4B42-BC87-125A2EA062BE}" dt="2022-08-09T10:36:44.837" v="259"/>
          <ac:inkMkLst>
            <pc:docMk/>
            <pc:sldMk cId="1300491009" sldId="554"/>
            <ac:inkMk id="140" creationId="{3B1D8F1A-26C5-735F-8C2C-AB0C0C8B5884}"/>
          </ac:inkMkLst>
        </pc:inkChg>
        <pc:inkChg chg="add reco">
          <ac:chgData name="Matias Vázquez Piñón" userId="2f86a967-3c9c-4a39-b538-7e6c0574d83d" providerId="ADAL" clId="{1A0B60B4-5995-4B42-BC87-125A2EA062BE}" dt="2022-08-09T10:36:44.837" v="259"/>
          <ac:inkMkLst>
            <pc:docMk/>
            <pc:sldMk cId="1300491009" sldId="554"/>
            <ac:inkMk id="141" creationId="{43C952DE-1395-77BE-3018-BC5CEC99CF65}"/>
          </ac:inkMkLst>
        </pc:inkChg>
        <pc:inkChg chg="add">
          <ac:chgData name="Matias Vázquez Piñón" userId="2f86a967-3c9c-4a39-b538-7e6c0574d83d" providerId="ADAL" clId="{1A0B60B4-5995-4B42-BC87-125A2EA062BE}" dt="2022-08-09T10:36:46.940" v="260"/>
          <ac:inkMkLst>
            <pc:docMk/>
            <pc:sldMk cId="1300491009" sldId="554"/>
            <ac:inkMk id="142" creationId="{102DFFB4-8DF8-A509-DA5D-984F8E3D35D6}"/>
          </ac:inkMkLst>
        </pc:inkChg>
        <pc:inkChg chg="add">
          <ac:chgData name="Matias Vázquez Piñón" userId="2f86a967-3c9c-4a39-b538-7e6c0574d83d" providerId="ADAL" clId="{1A0B60B4-5995-4B42-BC87-125A2EA062BE}" dt="2022-08-09T10:36:47.983" v="261"/>
          <ac:inkMkLst>
            <pc:docMk/>
            <pc:sldMk cId="1300491009" sldId="554"/>
            <ac:inkMk id="143" creationId="{F5A4F096-EC61-435D-38F1-A96060F5A24D}"/>
          </ac:inkMkLst>
        </pc:inkChg>
        <pc:inkChg chg="add">
          <ac:chgData name="Matias Vázquez Piñón" userId="2f86a967-3c9c-4a39-b538-7e6c0574d83d" providerId="ADAL" clId="{1A0B60B4-5995-4B42-BC87-125A2EA062BE}" dt="2022-08-09T10:36:49.333" v="262"/>
          <ac:inkMkLst>
            <pc:docMk/>
            <pc:sldMk cId="1300491009" sldId="554"/>
            <ac:inkMk id="144" creationId="{DAF4920A-8F65-CE6B-ACBC-B7C8790A7B6D}"/>
          </ac:inkMkLst>
        </pc:inkChg>
        <pc:inkChg chg="add">
          <ac:chgData name="Matias Vázquez Piñón" userId="2f86a967-3c9c-4a39-b538-7e6c0574d83d" providerId="ADAL" clId="{1A0B60B4-5995-4B42-BC87-125A2EA062BE}" dt="2022-08-09T10:36:50.229" v="263"/>
          <ac:inkMkLst>
            <pc:docMk/>
            <pc:sldMk cId="1300491009" sldId="554"/>
            <ac:inkMk id="145" creationId="{E4D71F71-2DA5-406B-6C12-772B8FD3C8E4}"/>
          </ac:inkMkLst>
        </pc:inkChg>
      </pc:sldChg>
    </pc:docChg>
  </pc:docChgLst>
  <pc:docChgLst>
    <pc:chgData name="Matias Vázquez Piñón" userId="e82d7a76-e5c2-4749-baff-1bb8c1dfc0d7" providerId="ADAL" clId="{1A0B60B4-5995-4B42-BC87-125A2EA062BE}"/>
    <pc:docChg chg="custSel modSld">
      <pc:chgData name="Matias Vázquez Piñón" userId="e82d7a76-e5c2-4749-baff-1bb8c1dfc0d7" providerId="ADAL" clId="{1A0B60B4-5995-4B42-BC87-125A2EA062BE}" dt="2022-08-12T16:05:00.173" v="11"/>
      <pc:docMkLst>
        <pc:docMk/>
      </pc:docMkLst>
      <pc:sldChg chg="addSp delSp">
        <pc:chgData name="Matias Vázquez Piñón" userId="e82d7a76-e5c2-4749-baff-1bb8c1dfc0d7" providerId="ADAL" clId="{1A0B60B4-5995-4B42-BC87-125A2EA062BE}" dt="2022-08-12T15:57:03.024" v="5"/>
        <pc:sldMkLst>
          <pc:docMk/>
          <pc:sldMk cId="867128493" sldId="560"/>
        </pc:sldMkLst>
        <pc:inkChg chg="add del">
          <ac:chgData name="Matias Vázquez Piñón" userId="e82d7a76-e5c2-4749-baff-1bb8c1dfc0d7" providerId="ADAL" clId="{1A0B60B4-5995-4B42-BC87-125A2EA062BE}" dt="2022-08-12T15:56:57.645" v="2"/>
          <ac:inkMkLst>
            <pc:docMk/>
            <pc:sldMk cId="867128493" sldId="560"/>
            <ac:inkMk id="3" creationId="{7BA46524-CC59-DBC9-D186-52EE70E6AD44}"/>
          </ac:inkMkLst>
        </pc:inkChg>
        <pc:inkChg chg="add del">
          <ac:chgData name="Matias Vázquez Piñón" userId="e82d7a76-e5c2-4749-baff-1bb8c1dfc0d7" providerId="ADAL" clId="{1A0B60B4-5995-4B42-BC87-125A2EA062BE}" dt="2022-08-12T15:56:57.645" v="2"/>
          <ac:inkMkLst>
            <pc:docMk/>
            <pc:sldMk cId="867128493" sldId="560"/>
            <ac:inkMk id="4" creationId="{18BAC49A-89CF-3B75-408F-C1C1101405CB}"/>
          </ac:inkMkLst>
        </pc:inkChg>
        <pc:inkChg chg="add del reco">
          <ac:chgData name="Matias Vázquez Piñón" userId="e82d7a76-e5c2-4749-baff-1bb8c1dfc0d7" providerId="ADAL" clId="{1A0B60B4-5995-4B42-BC87-125A2EA062BE}" dt="2022-08-12T15:57:03.018" v="4"/>
          <ac:inkMkLst>
            <pc:docMk/>
            <pc:sldMk cId="867128493" sldId="560"/>
            <ac:inkMk id="9" creationId="{9602511A-453F-4691-76BD-E183933A358A}"/>
          </ac:inkMkLst>
        </pc:inkChg>
        <pc:inkChg chg="add del">
          <ac:chgData name="Matias Vázquez Piñón" userId="e82d7a76-e5c2-4749-baff-1bb8c1dfc0d7" providerId="ADAL" clId="{1A0B60B4-5995-4B42-BC87-125A2EA062BE}" dt="2022-08-12T15:57:03.024" v="5"/>
          <ac:inkMkLst>
            <pc:docMk/>
            <pc:sldMk cId="867128493" sldId="560"/>
            <ac:inkMk id="10" creationId="{CDFF647B-18CB-8834-B0DC-CE34844B11BA}"/>
          </ac:inkMkLst>
        </pc:inkChg>
      </pc:sldChg>
      <pc:sldChg chg="addSp delSp">
        <pc:chgData name="Matias Vázquez Piñón" userId="e82d7a76-e5c2-4749-baff-1bb8c1dfc0d7" providerId="ADAL" clId="{1A0B60B4-5995-4B42-BC87-125A2EA062BE}" dt="2022-08-12T16:05:00.173" v="11"/>
        <pc:sldMkLst>
          <pc:docMk/>
          <pc:sldMk cId="1981470410" sldId="563"/>
        </pc:sldMkLst>
        <pc:inkChg chg="add del">
          <ac:chgData name="Matias Vázquez Piñón" userId="e82d7a76-e5c2-4749-baff-1bb8c1dfc0d7" providerId="ADAL" clId="{1A0B60B4-5995-4B42-BC87-125A2EA062BE}" dt="2022-08-12T16:04:18.187" v="10"/>
          <ac:inkMkLst>
            <pc:docMk/>
            <pc:sldMk cId="1981470410" sldId="563"/>
            <ac:inkMk id="5" creationId="{ABEE7188-F7C3-86D0-17D7-F449032B60D7}"/>
          </ac:inkMkLst>
        </pc:inkChg>
        <pc:inkChg chg="add del">
          <ac:chgData name="Matias Vázquez Piñón" userId="e82d7a76-e5c2-4749-baff-1bb8c1dfc0d7" providerId="ADAL" clId="{1A0B60B4-5995-4B42-BC87-125A2EA062BE}" dt="2022-08-12T16:04:18.187" v="10"/>
          <ac:inkMkLst>
            <pc:docMk/>
            <pc:sldMk cId="1981470410" sldId="563"/>
            <ac:inkMk id="30" creationId="{5B691259-2528-02CC-32DB-813DE8EC9B14}"/>
          </ac:inkMkLst>
        </pc:inkChg>
        <pc:inkChg chg="add del">
          <ac:chgData name="Matias Vázquez Piñón" userId="e82d7a76-e5c2-4749-baff-1bb8c1dfc0d7" providerId="ADAL" clId="{1A0B60B4-5995-4B42-BC87-125A2EA062BE}" dt="2022-08-12T16:04:18.187" v="10"/>
          <ac:inkMkLst>
            <pc:docMk/>
            <pc:sldMk cId="1981470410" sldId="563"/>
            <ac:inkMk id="39" creationId="{B91C4928-F3B7-3320-B4DB-00B64BD7EE5A}"/>
          </ac:inkMkLst>
        </pc:inkChg>
        <pc:inkChg chg="add del">
          <ac:chgData name="Matias Vázquez Piñón" userId="e82d7a76-e5c2-4749-baff-1bb8c1dfc0d7" providerId="ADAL" clId="{1A0B60B4-5995-4B42-BC87-125A2EA062BE}" dt="2022-08-12T16:04:18.187" v="10"/>
          <ac:inkMkLst>
            <pc:docMk/>
            <pc:sldMk cId="1981470410" sldId="563"/>
            <ac:inkMk id="40" creationId="{2A13DB24-1B6C-BE18-A069-70EFCDBED30F}"/>
          </ac:inkMkLst>
        </pc:inkChg>
        <pc:inkChg chg="add del reco">
          <ac:chgData name="Matias Vázquez Piñón" userId="e82d7a76-e5c2-4749-baff-1bb8c1dfc0d7" providerId="ADAL" clId="{1A0B60B4-5995-4B42-BC87-125A2EA062BE}" dt="2022-08-12T16:05:00.173" v="11"/>
          <ac:inkMkLst>
            <pc:docMk/>
            <pc:sldMk cId="1981470410" sldId="563"/>
            <ac:inkMk id="41" creationId="{FB8B04B6-CA2D-4002-AEB0-25D22408E882}"/>
          </ac:inkMkLst>
        </pc:ink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_rels/chartEx1.xml.rels><?xml version="1.0" encoding="UTF-8" standalone="yes"?>
<Relationships xmlns="http://schemas.openxmlformats.org/package/2006/relationships"><Relationship Id="rId3" Type="http://schemas.microsoft.com/office/2011/relationships/chartColorStyle" Target="colors1.xml"/><Relationship Id="rId2" Type="http://schemas.microsoft.com/office/2011/relationships/chartStyle" Target="style1.xml"/><Relationship Id="rId1" Type="http://schemas.openxmlformats.org/officeDocument/2006/relationships/package" Target="../embeddings/Microsoft_Excel_Workshee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2.4190058814571362E-2"/>
          <c:y val="4.3755975719124526E-2"/>
          <c:w val="0.52889843521486757"/>
          <c:h val="0.88721597576853628"/>
        </c:manualLayout>
      </c:layout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TERMS WEIGHT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C767-453A-8B6D-A6EE63F29108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C767-453A-8B6D-A6EE63F29108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C767-453A-8B6D-A6EE63F29108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6B04-4BB6-A139-543807F0B76C}"/>
              </c:ext>
            </c:extLst>
          </c:dPt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0" i="0" u="none" strike="noStrike" kern="1200" baseline="0">
                    <a:solidFill>
                      <a:schemeClr val="bg1">
                        <a:lumMod val="9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inEnd"/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A$2:$A$5</c:f>
              <c:strCache>
                <c:ptCount val="4"/>
                <c:pt idx="0">
                  <c:v>HOMEWORK</c:v>
                </c:pt>
                <c:pt idx="1">
                  <c:v>LABORATORY</c:v>
                </c:pt>
                <c:pt idx="2">
                  <c:v>QUIZZES</c:v>
                </c:pt>
                <c:pt idx="3">
                  <c:v>EXAMS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18</c:v>
                </c:pt>
                <c:pt idx="1">
                  <c:v>25</c:v>
                </c:pt>
                <c:pt idx="2">
                  <c:v>12</c:v>
                </c:pt>
                <c:pt idx="3">
                  <c:v>4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C767-453A-8B6D-A6EE63F29108}"/>
            </c:ext>
          </c:extLst>
        </c:ser>
        <c:dLbls>
          <c:dLblPos val="inEnd"/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.56790333284534744"/>
          <c:y val="4.0053562208008167E-2"/>
          <c:w val="0.40662321530457241"/>
          <c:h val="0.90346894355462337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2.4190058814571362E-2"/>
          <c:y val="4.3755975719124526E-2"/>
          <c:w val="0.52889843521486757"/>
          <c:h val="0.88721597576853628"/>
        </c:manualLayout>
      </c:layout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TERMS WEIGHT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779A-426B-95C7-506063901CEC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779A-426B-95C7-506063901CEC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779A-426B-95C7-506063901CEC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779A-426B-95C7-506063901CEC}"/>
              </c:ext>
            </c:extLst>
          </c:dPt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0" i="0" u="none" strike="noStrike" kern="1200" baseline="0">
                    <a:solidFill>
                      <a:schemeClr val="bg1">
                        <a:lumMod val="9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inEnd"/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A$2:$A$4</c:f>
              <c:strCache>
                <c:ptCount val="3"/>
                <c:pt idx="0">
                  <c:v>1ST TERM</c:v>
                </c:pt>
                <c:pt idx="1">
                  <c:v>2ND TERM</c:v>
                </c:pt>
                <c:pt idx="2">
                  <c:v>FINAL TERM</c:v>
                </c:pt>
              </c:strCache>
            </c:strRef>
          </c:cat>
          <c:val>
            <c:numRef>
              <c:f>Sheet1!$B$2:$B$4</c:f>
              <c:numCache>
                <c:formatCode>General</c:formatCode>
                <c:ptCount val="3"/>
                <c:pt idx="0">
                  <c:v>37.090910000000001</c:v>
                </c:pt>
                <c:pt idx="1">
                  <c:v>36.090910000000001</c:v>
                </c:pt>
                <c:pt idx="2">
                  <c:v>26.8181800000000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8-779A-426B-95C7-506063901CEC}"/>
            </c:ext>
          </c:extLst>
        </c:ser>
        <c:dLbls>
          <c:dLblPos val="inEnd"/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.56790333284534744"/>
          <c:y val="4.0053562208008167E-2"/>
          <c:w val="0.40662321530457241"/>
          <c:h val="0.90346894355462337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Ex1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C$27</cx:f>
        <cx:lvl ptCount="26">
          <cx:pt idx="0">HW1</cx:pt>
          <cx:pt idx="1">HW2</cx:pt>
          <cx:pt idx="2">HW3</cx:pt>
          <cx:pt idx="3">QZ1</cx:pt>
          <cx:pt idx="4">QZ2</cx:pt>
          <cx:pt idx="5">LB1</cx:pt>
          <cx:pt idx="6">LB2</cx:pt>
          <cx:pt idx="7">LB3</cx:pt>
          <cx:pt idx="8">LB4</cx:pt>
          <cx:pt idx="9">EXAM</cx:pt>
          <cx:pt idx="10">HW4</cx:pt>
          <cx:pt idx="11">HW5</cx:pt>
          <cx:pt idx="12">QZ3</cx:pt>
          <cx:pt idx="13">QZ4</cx:pt>
          <cx:pt idx="14">QZ5</cx:pt>
          <cx:pt idx="15">LB5</cx:pt>
          <cx:pt idx="16">LB6</cx:pt>
          <cx:pt idx="17">LB7</cx:pt>
          <cx:pt idx="18">LB8</cx:pt>
          <cx:pt idx="19">EXAM</cx:pt>
          <cx:pt idx="20">HW6</cx:pt>
          <cx:pt idx="21">QZ6</cx:pt>
          <cx:pt idx="22">LB9</cx:pt>
          <cx:pt idx="23">LB10</cx:pt>
          <cx:pt idx="24">LB11</cx:pt>
          <cx:pt idx="25">EXAM</cx:pt>
        </cx:lvl>
        <cx:lvl ptCount="26">
          <cx:pt idx="0">HW</cx:pt>
          <cx:pt idx="1">HW</cx:pt>
          <cx:pt idx="2">HW</cx:pt>
          <cx:pt idx="3">QZ</cx:pt>
          <cx:pt idx="4">QZ</cx:pt>
          <cx:pt idx="5">LB</cx:pt>
          <cx:pt idx="6">LB</cx:pt>
          <cx:pt idx="7">LB</cx:pt>
          <cx:pt idx="8">LB</cx:pt>
          <cx:pt idx="9">EX</cx:pt>
          <cx:pt idx="10">HW</cx:pt>
          <cx:pt idx="11">HW</cx:pt>
          <cx:pt idx="12">QZ</cx:pt>
          <cx:pt idx="13">QZ</cx:pt>
          <cx:pt idx="14">QZ</cx:pt>
          <cx:pt idx="15">LB</cx:pt>
          <cx:pt idx="16">LB</cx:pt>
          <cx:pt idx="17">LB</cx:pt>
          <cx:pt idx="18">LB</cx:pt>
          <cx:pt idx="19">EX</cx:pt>
          <cx:pt idx="20">HW</cx:pt>
          <cx:pt idx="21">QZ</cx:pt>
          <cx:pt idx="22">LB</cx:pt>
          <cx:pt idx="23">LB</cx:pt>
          <cx:pt idx="24">LB</cx:pt>
          <cx:pt idx="25">EX</cx:pt>
        </cx:lvl>
        <cx:lvl ptCount="26">
          <cx:pt idx="0">1ST TERM</cx:pt>
          <cx:pt idx="1">1ST TERM</cx:pt>
          <cx:pt idx="2">1ST TERM</cx:pt>
          <cx:pt idx="3">1ST TERM</cx:pt>
          <cx:pt idx="4">1ST TERM</cx:pt>
          <cx:pt idx="5">1ST TERM</cx:pt>
          <cx:pt idx="6">1ST TERM</cx:pt>
          <cx:pt idx="7">1ST TERM</cx:pt>
          <cx:pt idx="8">1ST TERM</cx:pt>
          <cx:pt idx="9">1ST TERM</cx:pt>
          <cx:pt idx="10">2ND TERM</cx:pt>
          <cx:pt idx="11">2ND TERM</cx:pt>
          <cx:pt idx="12">2ND TERM</cx:pt>
          <cx:pt idx="13">2ND TERM</cx:pt>
          <cx:pt idx="14">2ND TERM</cx:pt>
          <cx:pt idx="15">2ND TERM</cx:pt>
          <cx:pt idx="16">2ND TERM</cx:pt>
          <cx:pt idx="17">2ND TERM</cx:pt>
          <cx:pt idx="18">2ND TERM</cx:pt>
          <cx:pt idx="19">2ND TERM</cx:pt>
          <cx:pt idx="20">FINAL TERM</cx:pt>
          <cx:pt idx="21">FINAL TERM</cx:pt>
          <cx:pt idx="22">FINAL TERM</cx:pt>
          <cx:pt idx="23">FINAL TERM</cx:pt>
          <cx:pt idx="24">FINAL TERM</cx:pt>
          <cx:pt idx="25">FINAL TERM</cx:pt>
        </cx:lvl>
      </cx:strDim>
      <cx:numDim type="size">
        <cx:f>Sheet1!$D$2:$D$27</cx:f>
        <cx:lvl ptCount="26" formatCode="Standard">
          <cx:pt idx="0">3</cx:pt>
          <cx:pt idx="1">3</cx:pt>
          <cx:pt idx="2">3</cx:pt>
          <cx:pt idx="3">2</cx:pt>
          <cx:pt idx="4">2</cx:pt>
          <cx:pt idx="5">2.2727272727272729</cx:pt>
          <cx:pt idx="6">2.2727272727272729</cx:pt>
          <cx:pt idx="7">2.2727272727272729</cx:pt>
          <cx:pt idx="8">2.2727272727272729</cx:pt>
          <cx:pt idx="9">15</cx:pt>
          <cx:pt idx="10">3</cx:pt>
          <cx:pt idx="11">3</cx:pt>
          <cx:pt idx="12">2</cx:pt>
          <cx:pt idx="13">2</cx:pt>
          <cx:pt idx="14">2</cx:pt>
          <cx:pt idx="15">2.2727272727272729</cx:pt>
          <cx:pt idx="16">2.2727272727272729</cx:pt>
          <cx:pt idx="17">2.2727272727272729</cx:pt>
          <cx:pt idx="18">2.2727272727272729</cx:pt>
          <cx:pt idx="19">15</cx:pt>
          <cx:pt idx="20">3</cx:pt>
          <cx:pt idx="21">2</cx:pt>
          <cx:pt idx="22">2.2727272727272729</cx:pt>
          <cx:pt idx="23">2.2727272727272729</cx:pt>
          <cx:pt idx="24">2.2727272727272729</cx:pt>
          <cx:pt idx="25">15</cx:pt>
        </cx:lvl>
      </cx:numDim>
    </cx:data>
  </cx:chartData>
  <cx:chart>
    <cx:plotArea>
      <cx:plotAreaRegion>
        <cx:series layoutId="treemap" uniqueId="{45B5D0FA-EB71-46FB-BE7B-668F0BB0D7AC}">
          <cx:tx>
            <cx:txData>
              <cx:f>Sheet1!$D$1</cx:f>
              <cx:v>Series1</cx:v>
            </cx:txData>
          </cx:tx>
          <cx:dataLabels pos="inEnd">
            <cx:txPr>
              <a:bodyPr spcFirstLastPara="1" vertOverflow="ellipsis" horzOverflow="overflow" wrap="square" lIns="0" tIns="0" rIns="0" bIns="0" anchor="ctr" anchorCtr="1"/>
              <a:lstStyle/>
              <a:p>
                <a:pPr algn="ctr" rtl="0">
                  <a:defRPr/>
                </a:pPr>
                <a:endParaRPr lang="en-US" sz="1197" b="0" i="0" u="none" strike="noStrike" baseline="0">
                  <a:solidFill>
                    <a:srgbClr val="FFFFFF"/>
                  </a:solidFill>
                  <a:latin typeface="Arial"/>
                </a:endParaRPr>
              </a:p>
            </cx:txPr>
            <cx:visibility seriesName="0" categoryName="1" value="0"/>
            <cx:dataLabelHidden idx="0"/>
            <cx:dataLabelHidden idx="15"/>
            <cx:dataLabelHidden idx="30"/>
          </cx:dataLabels>
          <cx:dataId val="0"/>
          <cx:layoutPr>
            <cx:parentLabelLayout val="overlapping"/>
          </cx:layoutPr>
        </cx:series>
      </cx:plotAreaRegion>
    </cx:plotArea>
    <cx:legend pos="t" align="ctr" overlay="0"/>
  </cx:chart>
  <cx:spPr>
    <a:noFill/>
    <a:ln>
      <a:noFill/>
    </a:ln>
  </cx:spPr>
</cx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417">
  <cs:axisTitle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bg1">
          <a:lumMod val="65000"/>
        </a:schemeClr>
      </a:solidFill>
      <a:ln>
        <a:solidFill>
          <a:schemeClr val="bg1"/>
        </a:solidFill>
      </a:ln>
    </cs:spPr>
    <cs:defRPr sz="1197"/>
  </cs:axisTitle>
  <cs:categoryAxis>
    <cs:lnRef idx="0"/>
    <cs:fillRef idx="0"/>
    <cs:effectRef idx="0"/>
    <cs:fontRef idx="minor">
      <a:schemeClr val="dk1">
        <a:lumMod val="65000"/>
        <a:lumOff val="35000"/>
      </a:schemeClr>
    </cs:fontRef>
    <cs:defRPr sz="1197"/>
  </cs:categoryAxis>
  <cs:chartArea>
    <cs:lnRef idx="0"/>
    <cs:fillRef idx="0"/>
    <cs:effectRef idx="0"/>
    <cs:fontRef idx="minor">
      <a:schemeClr val="dk1"/>
    </cs:fontRef>
    <cs:spPr>
      <a:pattFill prst="dkDnDiag">
        <a:fgClr>
          <a:schemeClr val="lt1">
            <a:lumMod val="95000"/>
          </a:schemeClr>
        </a:fgClr>
        <a:bgClr>
          <a:schemeClr val="lt1"/>
        </a:bgClr>
      </a:pattFill>
      <a:ln w="9525" cap="flat" cmpd="sng" algn="ctr">
        <a:solidFill>
          <a:schemeClr val="dk1">
            <a:lumMod val="15000"/>
            <a:lumOff val="85000"/>
          </a:schemeClr>
        </a:solidFill>
        <a:round/>
      </a:ln>
    </cs:spPr>
    <cs:defRPr sz="1197"/>
  </cs:chartArea>
  <cs:dataLabel>
    <cs:lnRef idx="0"/>
    <cs:fillRef idx="0"/>
    <cs:effectRef idx="0"/>
    <cs:fontRef idx="minor">
      <a:schemeClr val="lt1"/>
    </cs:fontRef>
    <cs:defRPr sz="1197" b="1"/>
    <cs:bodyPr lIns="38100" tIns="19050" rIns="38100" bIns="19050">
      <a:spAutoFit/>
    </cs:bodyPr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>
          <a:alpha val="75000"/>
        </a:schemeClr>
      </a:solidFill>
      <a:ln w="9525"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ln w="9525">
        <a:solidFill>
          <a:schemeClr val="lt1"/>
        </a:solidFill>
      </a:ln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effectLst>
        <a:outerShdw blurRad="88900" sx="102000" sy="102000" algn="ctr" rotWithShape="0">
          <a:prstClr val="black">
            <a:alpha val="20000"/>
          </a:prstClr>
        </a:outerShdw>
      </a:effectLst>
      <a:scene3d>
        <a:camera prst="orthographicFront"/>
        <a:lightRig rig="threePt" dir="t"/>
      </a:scene3d>
      <a:sp3d prstMaterial="matte"/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dk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dk1">
        <a:lumMod val="65000"/>
        <a:lumOff val="35000"/>
      </a:schemeClr>
    </cs:fontRef>
    <cs:spPr>
      <a:ln w="9525" cap="flat" cmpd="sng" algn="ctr">
        <a:solidFill>
          <a:schemeClr val="dk1">
            <a:lumMod val="15000"/>
            <a:lumOff val="85000"/>
          </a:schemeClr>
        </a:solidFill>
        <a:round/>
      </a:ln>
    </cs:spPr>
    <cs:defRPr sz="1064" kern="1200"/>
  </cs:dataTable>
  <cs:downBar>
    <cs:lnRef idx="0"/>
    <cs:fillRef idx="0"/>
    <cs:effectRef idx="0"/>
    <cs:fontRef idx="minor">
      <a:schemeClr val="dk1"/>
    </cs:fontRef>
    <cs:spPr>
      <a:solidFill>
        <a:schemeClr val="dk1"/>
      </a:solidFill>
    </cs:spPr>
  </cs:downBar>
  <cs:dropLine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50000"/>
            <a:lumOff val="50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5000"/>
            <a:lumOff val="95000"/>
            <a:lumOff val="10000"/>
          </a:schemeClr>
        </a:solidFill>
        <a:round/>
      </a:ln>
    </cs:spPr>
  </cs:gridlineMinor>
  <cs:hiLoLine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35000"/>
            <a:lumOff val="65000"/>
          </a:schemeClr>
        </a:solidFill>
        <a:round/>
      </a:ln>
    </cs:spPr>
  </cs:hiLoLine>
  <cs:leaderLine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>
          <a:alpha val="78000"/>
        </a:schemeClr>
      </a:solidFill>
    </cs:spPr>
    <cs:defRPr sz="1197"/>
  </cs:legend>
  <cs:plotArea mods="allowNoFillOverride allowNoLineOverride">
    <cs:lnRef idx="0"/>
    <cs:fillRef idx="0"/>
    <cs:effectRef idx="0"/>
    <cs:fontRef idx="minor">
      <a:schemeClr val="dk1"/>
    </cs:fontRef>
  </cs:plotArea>
  <cs:plotArea3D mods="allowNoFillOverride allowNoLineOverride"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dk1">
        <a:lumMod val="65000"/>
        <a:lumOff val="35000"/>
      </a:schemeClr>
    </cs:fontRef>
    <cs:defRPr sz="1197"/>
  </cs:seriesAxis>
  <cs:seriesLine>
    <cs:lnRef idx="0"/>
    <cs:fillRef idx="0"/>
    <cs:effectRef idx="0"/>
    <cs:fontRef idx="minor">
      <a:schemeClr val="dk1"/>
    </cs:fontRef>
    <cs:spPr>
      <a:ln w="9525" cap="flat">
        <a:solidFill>
          <a:schemeClr val="bg1">
            <a:lumMod val="50000"/>
          </a:schemeClr>
        </a:solidFill>
        <a:round/>
      </a:ln>
    </cs:spPr>
  </cs:seriesLine>
  <cs:title>
    <cs:lnRef idx="0"/>
    <cs:fillRef idx="0"/>
    <cs:effectRef idx="0"/>
    <cs:fontRef idx="minor">
      <a:schemeClr val="dk1">
        <a:lumMod val="65000"/>
        <a:lumOff val="35000"/>
      </a:schemeClr>
    </cs:fontRef>
    <cs:defRPr sz="2200" b="1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dk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</cs:spPr>
  </cs:upBar>
  <cs:valueAxis>
    <cs:lnRef idx="0"/>
    <cs:fillRef idx="0"/>
    <cs:effectRef idx="0"/>
    <cs:fontRef idx="minor">
      <a:schemeClr val="dk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dk1"/>
    </cs:fontRef>
  </cs:wall>
</cs:chartStyle>
</file>

<file path=ppt/charts/style2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iagrams/_rels/data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2" Type="http://schemas.openxmlformats.org/officeDocument/2006/relationships/image" Target="../media/image51.png"/><Relationship Id="rId1" Type="http://schemas.openxmlformats.org/officeDocument/2006/relationships/image" Target="../media/image50.png"/><Relationship Id="rId5" Type="http://schemas.openxmlformats.org/officeDocument/2006/relationships/image" Target="../media/image54.png"/><Relationship Id="rId4" Type="http://schemas.openxmlformats.org/officeDocument/2006/relationships/image" Target="../media/image53.png"/></Relationships>
</file>

<file path=ppt/diagrams/_rels/data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7" Type="http://schemas.openxmlformats.org/officeDocument/2006/relationships/image" Target="../media/image11.jpeg"/><Relationship Id="rId2" Type="http://schemas.openxmlformats.org/officeDocument/2006/relationships/image" Target="../media/image6.png"/><Relationship Id="rId1" Type="http://schemas.openxmlformats.org/officeDocument/2006/relationships/image" Target="../media/image5.jpeg"/><Relationship Id="rId6" Type="http://schemas.openxmlformats.org/officeDocument/2006/relationships/image" Target="../media/image10.png"/><Relationship Id="rId5" Type="http://schemas.openxmlformats.org/officeDocument/2006/relationships/image" Target="../media/image9.jpeg"/><Relationship Id="rId4" Type="http://schemas.openxmlformats.org/officeDocument/2006/relationships/image" Target="../media/image8.jpeg"/></Relationships>
</file>

<file path=ppt/diagrams/_rels/data3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microchip.com/en-us/tools-resources/develop/mplab-xc-compilers/downloads-documentation#XC8" TargetMode="External"/><Relationship Id="rId3" Type="http://schemas.openxmlformats.org/officeDocument/2006/relationships/hyperlink" Target="https://github.com/" TargetMode="External"/><Relationship Id="rId7" Type="http://schemas.openxmlformats.org/officeDocument/2006/relationships/hyperlink" Target="https://www.microchip.com/en-us/tools-resources/develop/mplab-x-ide" TargetMode="External"/><Relationship Id="rId2" Type="http://schemas.openxmlformats.org/officeDocument/2006/relationships/hyperlink" Target="https://www.autodesk.com/products/eagle/free-download" TargetMode="External"/><Relationship Id="rId1" Type="http://schemas.openxmlformats.org/officeDocument/2006/relationships/hyperlink" Target="https://www.autodesk.com/" TargetMode="External"/><Relationship Id="rId6" Type="http://schemas.openxmlformats.org/officeDocument/2006/relationships/hyperlink" Target="https://help.gitkraken.com/gitkraken-client/gitkraken-client-home/" TargetMode="External"/><Relationship Id="rId5" Type="http://schemas.openxmlformats.org/officeDocument/2006/relationships/hyperlink" Target="https://slack.com/intl/es-la/" TargetMode="External"/><Relationship Id="rId4" Type="http://schemas.openxmlformats.org/officeDocument/2006/relationships/hyperlink" Target="https://www.gitkraken.com/download" TargetMode="External"/></Relationships>
</file>

<file path=ppt/diagrams/_rels/data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image" Target="../media/image15.png"/></Relationships>
</file>

<file path=ppt/diagrams/_rels/data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image" Target="../media/image23.png"/><Relationship Id="rId5" Type="http://schemas.openxmlformats.org/officeDocument/2006/relationships/image" Target="../media/image27.png"/><Relationship Id="rId4" Type="http://schemas.openxmlformats.org/officeDocument/2006/relationships/image" Target="../media/image26.png"/></Relationships>
</file>

<file path=ppt/diagrams/_rels/drawing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2" Type="http://schemas.openxmlformats.org/officeDocument/2006/relationships/image" Target="../media/image51.png"/><Relationship Id="rId1" Type="http://schemas.openxmlformats.org/officeDocument/2006/relationships/image" Target="../media/image50.png"/><Relationship Id="rId5" Type="http://schemas.openxmlformats.org/officeDocument/2006/relationships/image" Target="../media/image54.png"/><Relationship Id="rId4" Type="http://schemas.openxmlformats.org/officeDocument/2006/relationships/image" Target="../media/image53.png"/></Relationships>
</file>

<file path=ppt/diagrams/_rels/drawing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7" Type="http://schemas.openxmlformats.org/officeDocument/2006/relationships/image" Target="../media/image10.png"/><Relationship Id="rId2" Type="http://schemas.openxmlformats.org/officeDocument/2006/relationships/image" Target="../media/image6.png"/><Relationship Id="rId1" Type="http://schemas.openxmlformats.org/officeDocument/2006/relationships/image" Target="../media/image5.jpeg"/><Relationship Id="rId6" Type="http://schemas.openxmlformats.org/officeDocument/2006/relationships/image" Target="../media/image9.jpeg"/><Relationship Id="rId5" Type="http://schemas.openxmlformats.org/officeDocument/2006/relationships/image" Target="../media/image11.jpeg"/><Relationship Id="rId4" Type="http://schemas.openxmlformats.org/officeDocument/2006/relationships/image" Target="../media/image8.jpeg"/></Relationships>
</file>

<file path=ppt/diagrams/_rels/drawing3.xml.rels><?xml version="1.0" encoding="UTF-8" standalone="yes"?>
<Relationships xmlns="http://schemas.openxmlformats.org/package/2006/relationships"><Relationship Id="rId8" Type="http://schemas.openxmlformats.org/officeDocument/2006/relationships/hyperlink" Target="https://help.gitkraken.com/gitkraken-client/gitkraken-client-home/" TargetMode="External"/><Relationship Id="rId3" Type="http://schemas.openxmlformats.org/officeDocument/2006/relationships/hyperlink" Target="https://www.autodesk.com/products/eagle/free-download" TargetMode="External"/><Relationship Id="rId7" Type="http://schemas.openxmlformats.org/officeDocument/2006/relationships/hyperlink" Target="https://www.gitkraken.com/download" TargetMode="External"/><Relationship Id="rId2" Type="http://schemas.openxmlformats.org/officeDocument/2006/relationships/hyperlink" Target="https://www.autodesk.com/" TargetMode="External"/><Relationship Id="rId1" Type="http://schemas.openxmlformats.org/officeDocument/2006/relationships/hyperlink" Target="https://slack.com/intl/es-la/" TargetMode="External"/><Relationship Id="rId6" Type="http://schemas.openxmlformats.org/officeDocument/2006/relationships/hyperlink" Target="https://github.com/" TargetMode="External"/><Relationship Id="rId5" Type="http://schemas.openxmlformats.org/officeDocument/2006/relationships/hyperlink" Target="https://www.microchip.com/en-us/tools-resources/develop/mplab-xc-compilers/downloads-documentation#XC8" TargetMode="External"/><Relationship Id="rId4" Type="http://schemas.openxmlformats.org/officeDocument/2006/relationships/hyperlink" Target="https://www.microchip.com/en-us/tools-resources/develop/mplab-x-ide" TargetMode="External"/></Relationships>
</file>

<file path=ppt/diagrams/_rels/drawing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image" Target="../media/image15.png"/></Relationships>
</file>

<file path=ppt/diagrams/_rels/drawing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image" Target="../media/image23.png"/><Relationship Id="rId5" Type="http://schemas.openxmlformats.org/officeDocument/2006/relationships/image" Target="../media/image27.png"/><Relationship Id="rId4" Type="http://schemas.openxmlformats.org/officeDocument/2006/relationships/image" Target="../media/image26.pn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0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1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2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colorful2">
  <dgm:title val=""/>
  <dgm:desc val=""/>
  <dgm:catLst>
    <dgm:cat type="colorful" pri="10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2"/>
      <a:schemeClr val="accent3"/>
    </dgm:fillClrLst>
    <dgm:linClrLst>
      <a:schemeClr val="accent2"/>
      <a:schemeClr val="accent3"/>
    </dgm:linClrLst>
    <dgm:effectClrLst/>
    <dgm:txLinClrLst/>
    <dgm:txFillClrLst/>
    <dgm:txEffectClrLst/>
  </dgm:styleLbl>
  <dgm:styleLbl name="ln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2">
        <a:alpha val="50000"/>
      </a:schemeClr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2">
        <a:tint val="50000"/>
      </a:schemeClr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2"/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>
        <a:tint val="5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colorful3">
  <dgm:title val=""/>
  <dgm:desc val=""/>
  <dgm:catLst>
    <dgm:cat type="colorful" pri="103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3"/>
      <a:schemeClr val="accent4"/>
    </dgm:fillClrLst>
    <dgm:linClrLst>
      <a:schemeClr val="accent3"/>
      <a:schemeClr val="accent4"/>
    </dgm:linClrLst>
    <dgm:effectClrLst/>
    <dgm:txLinClrLst/>
    <dgm:txFillClrLst/>
    <dgm:txEffectClrLst/>
  </dgm:styleLbl>
  <dgm:styleLbl name="lnNode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3">
        <a:alpha val="50000"/>
      </a:schemeClr>
      <a:schemeClr val="accent4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3">
        <a:tint val="50000"/>
      </a:schemeClr>
      <a:schemeClr val="accent4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3">
        <a:tint val="50000"/>
      </a:schemeClr>
      <a:schemeClr val="accent4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3">
        <a:tint val="50000"/>
      </a:schemeClr>
      <a:schemeClr val="accent4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3"/>
      <a:schemeClr val="accent4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4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5.xml><?xml version="1.0" encoding="utf-8"?>
<dgm:colorsDef xmlns:dgm="http://schemas.openxmlformats.org/drawingml/2006/diagram" xmlns:a="http://schemas.openxmlformats.org/drawingml/2006/main" uniqueId="urn:microsoft.com/office/officeart/2005/8/colors/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6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7.xml><?xml version="1.0" encoding="utf-8"?>
<dgm:colorsDef xmlns:dgm="http://schemas.openxmlformats.org/drawingml/2006/diagram" xmlns:a="http://schemas.openxmlformats.org/drawingml/2006/main" uniqueId="urn:microsoft.com/office/officeart/2005/8/colors/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8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9.xml><?xml version="1.0" encoding="utf-8"?>
<dgm:colorsDef xmlns:dgm="http://schemas.openxmlformats.org/drawingml/2006/diagram" xmlns:a="http://schemas.openxmlformats.org/drawingml/2006/main" uniqueId="urn:microsoft.com/office/officeart/2005/8/colors/accent2_1">
  <dgm:title val=""/>
  <dgm:desc val=""/>
  <dgm:catLst>
    <dgm:cat type="accent2" pri="11100"/>
  </dgm:catLst>
  <dgm:styleLbl name="node0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accent2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accent2">
        <a:tint val="40000"/>
      </a:schemeClr>
    </dgm:fillClrLst>
    <dgm:linClrLst meth="repeat">
      <a:schemeClr val="accent2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40000"/>
      </a:schemeClr>
    </dgm:fillClrLst>
    <dgm:linClrLst meth="repeat">
      <a:schemeClr val="accent2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40000"/>
      </a:schemeClr>
    </dgm:fillClrLst>
    <dgm:linClrLst meth="repeat">
      <a:schemeClr val="accent2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accent2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accent2">
        <a:alpha val="90000"/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accent2">
        <a:alpha val="90000"/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accent2">
        <a:alpha val="90000"/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accent2">
        <a:alpha val="40000"/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accent2">
        <a:alpha val="90000"/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accent2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accent2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accent2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accent2">
        <a:alpha val="90000"/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accent2">
        <a:alpha val="90000"/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accent2">
        <a:alpha val="90000"/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accent2">
        <a:alpha val="90000"/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D0856BF-6644-424B-9B8E-99DE023F20E9}" type="doc">
      <dgm:prSet loTypeId="urn:microsoft.com/office/officeart/2005/8/layout/list1" loCatId="list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LID4096"/>
        </a:p>
      </dgm:t>
    </dgm:pt>
    <dgm:pt modelId="{BDAC8468-401E-4806-BDC9-E25F0387C887}">
      <dgm:prSet phldrT="[Text]"/>
      <dgm:spPr/>
      <dgm:t>
        <a:bodyPr/>
        <a:lstStyle/>
        <a:p>
          <a:r>
            <a:rPr lang="en-US"/>
            <a:t>TE2015 Syllabus</a:t>
          </a:r>
          <a:endParaRPr lang="LID4096"/>
        </a:p>
      </dgm:t>
    </dgm:pt>
    <dgm:pt modelId="{0606489D-A6C4-43E7-88D7-B02A12B59F0B}" type="parTrans" cxnId="{225CA2DB-CCC8-4BEC-BCD9-73E8D9FB9163}">
      <dgm:prSet/>
      <dgm:spPr/>
      <dgm:t>
        <a:bodyPr/>
        <a:lstStyle/>
        <a:p>
          <a:endParaRPr lang="LID4096"/>
        </a:p>
      </dgm:t>
    </dgm:pt>
    <dgm:pt modelId="{6A5E6656-66C4-49CE-9AD7-05282533A4D2}" type="sibTrans" cxnId="{225CA2DB-CCC8-4BEC-BCD9-73E8D9FB9163}">
      <dgm:prSet/>
      <dgm:spPr/>
      <dgm:t>
        <a:bodyPr/>
        <a:lstStyle/>
        <a:p>
          <a:endParaRPr lang="LID4096"/>
        </a:p>
      </dgm:t>
    </dgm:pt>
    <dgm:pt modelId="{6C605FEB-E104-4B0A-89C6-76AFB10B30F8}">
      <dgm:prSet phldrT="[Text]"/>
      <dgm:spPr/>
      <dgm:t>
        <a:bodyPr/>
        <a:lstStyle/>
        <a:p>
          <a:pPr>
            <a:buFont typeface="+mj-lt"/>
            <a:buAutoNum type="arabicPeriod"/>
          </a:pPr>
          <a:r>
            <a:rPr lang="en-US"/>
            <a:t>The Von Neumann architecture</a:t>
          </a:r>
          <a:endParaRPr lang="LID4096"/>
        </a:p>
      </dgm:t>
    </dgm:pt>
    <dgm:pt modelId="{5D9C6FDB-198B-4DAE-A854-F77B28883F00}" type="parTrans" cxnId="{D2B2E8F1-5752-4E8E-8D77-C3BE69C28E33}">
      <dgm:prSet/>
      <dgm:spPr/>
      <dgm:t>
        <a:bodyPr/>
        <a:lstStyle/>
        <a:p>
          <a:endParaRPr lang="LID4096"/>
        </a:p>
      </dgm:t>
    </dgm:pt>
    <dgm:pt modelId="{B5C9B995-E476-4473-A32E-DA64784143AA}" type="sibTrans" cxnId="{D2B2E8F1-5752-4E8E-8D77-C3BE69C28E33}">
      <dgm:prSet/>
      <dgm:spPr/>
      <dgm:t>
        <a:bodyPr/>
        <a:lstStyle/>
        <a:p>
          <a:endParaRPr lang="LID4096"/>
        </a:p>
      </dgm:t>
    </dgm:pt>
    <dgm:pt modelId="{C96CB708-1570-4EAD-83DB-3D88DB59D867}">
      <dgm:prSet phldrT="[Text]"/>
      <dgm:spPr/>
      <dgm:t>
        <a:bodyPr/>
        <a:lstStyle/>
        <a:p>
          <a:pPr>
            <a:buFont typeface="+mj-lt"/>
            <a:buAutoNum type="arabicPeriod"/>
          </a:pPr>
          <a:r>
            <a:rPr lang="en-US"/>
            <a:t>The Harvard architecture</a:t>
          </a:r>
          <a:endParaRPr lang="LID4096"/>
        </a:p>
      </dgm:t>
    </dgm:pt>
    <dgm:pt modelId="{48BA8312-B263-4279-AB72-F141D6D1278F}" type="parTrans" cxnId="{437AD650-81F2-4387-80F9-12FC9B63D817}">
      <dgm:prSet/>
      <dgm:spPr/>
      <dgm:t>
        <a:bodyPr/>
        <a:lstStyle/>
        <a:p>
          <a:endParaRPr lang="LID4096"/>
        </a:p>
      </dgm:t>
    </dgm:pt>
    <dgm:pt modelId="{4B4E7B8A-BD90-4164-BBF5-4463C4D04A4F}" type="sibTrans" cxnId="{437AD650-81F2-4387-80F9-12FC9B63D817}">
      <dgm:prSet/>
      <dgm:spPr/>
      <dgm:t>
        <a:bodyPr/>
        <a:lstStyle/>
        <a:p>
          <a:endParaRPr lang="LID4096"/>
        </a:p>
      </dgm:t>
    </dgm:pt>
    <dgm:pt modelId="{153E353B-C598-4286-8E8A-6B5AFAC4F058}">
      <dgm:prSet/>
      <dgm:spPr/>
      <dgm:t>
        <a:bodyPr/>
        <a:lstStyle/>
        <a:p>
          <a:pPr>
            <a:buFont typeface="+mj-lt"/>
            <a:buAutoNum type="arabicPeriod"/>
          </a:pPr>
          <a:r>
            <a:rPr lang="en-US"/>
            <a:t>Microchip fabrication process</a:t>
          </a:r>
          <a:endParaRPr lang="LID4096"/>
        </a:p>
      </dgm:t>
    </dgm:pt>
    <dgm:pt modelId="{087DC2CB-055D-42A2-BDC1-4A5EEF17930B}" type="parTrans" cxnId="{C9DFCA52-834C-49D3-BC3E-02927DD2049F}">
      <dgm:prSet/>
      <dgm:spPr/>
      <dgm:t>
        <a:bodyPr/>
        <a:lstStyle/>
        <a:p>
          <a:endParaRPr lang="LID4096"/>
        </a:p>
      </dgm:t>
    </dgm:pt>
    <dgm:pt modelId="{2CAB3117-C8CD-4AA8-B3F0-E80B2E23AD89}" type="sibTrans" cxnId="{C9DFCA52-834C-49D3-BC3E-02927DD2049F}">
      <dgm:prSet/>
      <dgm:spPr/>
      <dgm:t>
        <a:bodyPr/>
        <a:lstStyle/>
        <a:p>
          <a:endParaRPr lang="LID4096"/>
        </a:p>
      </dgm:t>
    </dgm:pt>
    <dgm:pt modelId="{7CBA86E4-37AE-4317-A8DE-F3DA9D941692}">
      <dgm:prSet phldrT="[Text]"/>
      <dgm:spPr/>
      <dgm:t>
        <a:bodyPr/>
        <a:lstStyle/>
        <a:p>
          <a:r>
            <a:rPr lang="da-DK"/>
            <a:t>The </a:t>
          </a:r>
          <a:r>
            <a:rPr lang="da-DK" err="1"/>
            <a:t>history</a:t>
          </a:r>
          <a:r>
            <a:rPr lang="da-DK"/>
            <a:t> of the </a:t>
          </a:r>
          <a:r>
            <a:rPr lang="da-DK" err="1"/>
            <a:t>microcomputer</a:t>
          </a:r>
          <a:endParaRPr lang="LID4096"/>
        </a:p>
      </dgm:t>
    </dgm:pt>
    <dgm:pt modelId="{C319E107-9962-44C1-9F14-2128D17C0700}" type="parTrans" cxnId="{466CA570-3356-4A13-90BB-E7B08972E930}">
      <dgm:prSet/>
      <dgm:spPr/>
      <dgm:t>
        <a:bodyPr/>
        <a:lstStyle/>
        <a:p>
          <a:endParaRPr lang="LID4096"/>
        </a:p>
      </dgm:t>
    </dgm:pt>
    <dgm:pt modelId="{8C145CE3-28AE-4BFD-87B7-C51F6F6C93F5}" type="sibTrans" cxnId="{466CA570-3356-4A13-90BB-E7B08972E930}">
      <dgm:prSet/>
      <dgm:spPr/>
      <dgm:t>
        <a:bodyPr/>
        <a:lstStyle/>
        <a:p>
          <a:endParaRPr lang="LID4096"/>
        </a:p>
      </dgm:t>
    </dgm:pt>
    <dgm:pt modelId="{D487D8A4-7776-4396-83A3-E27A187FC071}" type="pres">
      <dgm:prSet presAssocID="{9D0856BF-6644-424B-9B8E-99DE023F20E9}" presName="linear" presStyleCnt="0">
        <dgm:presLayoutVars>
          <dgm:dir/>
          <dgm:animLvl val="lvl"/>
          <dgm:resizeHandles val="exact"/>
        </dgm:presLayoutVars>
      </dgm:prSet>
      <dgm:spPr/>
    </dgm:pt>
    <dgm:pt modelId="{C0CBDED2-13ED-4662-81A1-547CC2F544BE}" type="pres">
      <dgm:prSet presAssocID="{BDAC8468-401E-4806-BDC9-E25F0387C887}" presName="parentLin" presStyleCnt="0"/>
      <dgm:spPr/>
    </dgm:pt>
    <dgm:pt modelId="{7368C8DC-D536-4708-9D53-333530AF7B27}" type="pres">
      <dgm:prSet presAssocID="{BDAC8468-401E-4806-BDC9-E25F0387C887}" presName="parentLeftMargin" presStyleLbl="node1" presStyleIdx="0" presStyleCnt="5"/>
      <dgm:spPr/>
    </dgm:pt>
    <dgm:pt modelId="{F3891588-C860-436B-94B6-4065ED54FAD1}" type="pres">
      <dgm:prSet presAssocID="{BDAC8468-401E-4806-BDC9-E25F0387C887}" presName="parentText" presStyleLbl="node1" presStyleIdx="0" presStyleCnt="5">
        <dgm:presLayoutVars>
          <dgm:chMax val="0"/>
          <dgm:bulletEnabled val="1"/>
        </dgm:presLayoutVars>
      </dgm:prSet>
      <dgm:spPr/>
    </dgm:pt>
    <dgm:pt modelId="{5A717CC8-9BB7-4CF4-9B81-3534094C2871}" type="pres">
      <dgm:prSet presAssocID="{BDAC8468-401E-4806-BDC9-E25F0387C887}" presName="negativeSpace" presStyleCnt="0"/>
      <dgm:spPr/>
    </dgm:pt>
    <dgm:pt modelId="{971F2E66-E461-44A2-941B-77F3CA9E3093}" type="pres">
      <dgm:prSet presAssocID="{BDAC8468-401E-4806-BDC9-E25F0387C887}" presName="childText" presStyleLbl="conFgAcc1" presStyleIdx="0" presStyleCnt="5">
        <dgm:presLayoutVars>
          <dgm:bulletEnabled val="1"/>
        </dgm:presLayoutVars>
      </dgm:prSet>
      <dgm:spPr/>
    </dgm:pt>
    <dgm:pt modelId="{9F5F5939-A9C3-419B-BADD-9B7CE14C07A4}" type="pres">
      <dgm:prSet presAssocID="{6A5E6656-66C4-49CE-9AD7-05282533A4D2}" presName="spaceBetweenRectangles" presStyleCnt="0"/>
      <dgm:spPr/>
    </dgm:pt>
    <dgm:pt modelId="{3ED1F96E-DE2A-4B11-9B1F-77244FD2577C}" type="pres">
      <dgm:prSet presAssocID="{7CBA86E4-37AE-4317-A8DE-F3DA9D941692}" presName="parentLin" presStyleCnt="0"/>
      <dgm:spPr/>
    </dgm:pt>
    <dgm:pt modelId="{A7069083-B3A4-4098-B725-0B046283DAB0}" type="pres">
      <dgm:prSet presAssocID="{7CBA86E4-37AE-4317-A8DE-F3DA9D941692}" presName="parentLeftMargin" presStyleLbl="node1" presStyleIdx="0" presStyleCnt="5"/>
      <dgm:spPr/>
    </dgm:pt>
    <dgm:pt modelId="{C0B47F18-2FA7-4666-ABEA-7E780A0D38A8}" type="pres">
      <dgm:prSet presAssocID="{7CBA86E4-37AE-4317-A8DE-F3DA9D941692}" presName="parentText" presStyleLbl="node1" presStyleIdx="1" presStyleCnt="5">
        <dgm:presLayoutVars>
          <dgm:chMax val="0"/>
          <dgm:bulletEnabled val="1"/>
        </dgm:presLayoutVars>
      </dgm:prSet>
      <dgm:spPr/>
    </dgm:pt>
    <dgm:pt modelId="{2C751671-EEC3-4E69-8069-F0740FB13D57}" type="pres">
      <dgm:prSet presAssocID="{7CBA86E4-37AE-4317-A8DE-F3DA9D941692}" presName="negativeSpace" presStyleCnt="0"/>
      <dgm:spPr/>
    </dgm:pt>
    <dgm:pt modelId="{18B3ED62-4964-4090-81E9-6257AA610FFD}" type="pres">
      <dgm:prSet presAssocID="{7CBA86E4-37AE-4317-A8DE-F3DA9D941692}" presName="childText" presStyleLbl="conFgAcc1" presStyleIdx="1" presStyleCnt="5">
        <dgm:presLayoutVars>
          <dgm:bulletEnabled val="1"/>
        </dgm:presLayoutVars>
      </dgm:prSet>
      <dgm:spPr/>
    </dgm:pt>
    <dgm:pt modelId="{1AE0A235-190C-4A99-B77A-6293C9D8B1AA}" type="pres">
      <dgm:prSet presAssocID="{8C145CE3-28AE-4BFD-87B7-C51F6F6C93F5}" presName="spaceBetweenRectangles" presStyleCnt="0"/>
      <dgm:spPr/>
    </dgm:pt>
    <dgm:pt modelId="{77700BF3-FEB1-49D3-A78A-6E86D3B39F06}" type="pres">
      <dgm:prSet presAssocID="{153E353B-C598-4286-8E8A-6B5AFAC4F058}" presName="parentLin" presStyleCnt="0"/>
      <dgm:spPr/>
    </dgm:pt>
    <dgm:pt modelId="{9DC0C20E-DEAE-4BDB-B3FA-7774F386AC6C}" type="pres">
      <dgm:prSet presAssocID="{153E353B-C598-4286-8E8A-6B5AFAC4F058}" presName="parentLeftMargin" presStyleLbl="node1" presStyleIdx="1" presStyleCnt="5"/>
      <dgm:spPr/>
    </dgm:pt>
    <dgm:pt modelId="{9A11787A-4995-439E-AFB7-B52DD2AF9F5A}" type="pres">
      <dgm:prSet presAssocID="{153E353B-C598-4286-8E8A-6B5AFAC4F058}" presName="parentText" presStyleLbl="node1" presStyleIdx="2" presStyleCnt="5">
        <dgm:presLayoutVars>
          <dgm:chMax val="0"/>
          <dgm:bulletEnabled val="1"/>
        </dgm:presLayoutVars>
      </dgm:prSet>
      <dgm:spPr/>
    </dgm:pt>
    <dgm:pt modelId="{467BD06E-586A-4135-9A4B-820AC493CE88}" type="pres">
      <dgm:prSet presAssocID="{153E353B-C598-4286-8E8A-6B5AFAC4F058}" presName="negativeSpace" presStyleCnt="0"/>
      <dgm:spPr/>
    </dgm:pt>
    <dgm:pt modelId="{6B639962-1E53-4857-AA0B-7B0AC2E439BD}" type="pres">
      <dgm:prSet presAssocID="{153E353B-C598-4286-8E8A-6B5AFAC4F058}" presName="childText" presStyleLbl="conFgAcc1" presStyleIdx="2" presStyleCnt="5">
        <dgm:presLayoutVars>
          <dgm:bulletEnabled val="1"/>
        </dgm:presLayoutVars>
      </dgm:prSet>
      <dgm:spPr/>
    </dgm:pt>
    <dgm:pt modelId="{34913137-EC77-493D-A810-0844AB410BB9}" type="pres">
      <dgm:prSet presAssocID="{2CAB3117-C8CD-4AA8-B3F0-E80B2E23AD89}" presName="spaceBetweenRectangles" presStyleCnt="0"/>
      <dgm:spPr/>
    </dgm:pt>
    <dgm:pt modelId="{B886746A-DA16-4D7A-BC4A-580B5622C8E3}" type="pres">
      <dgm:prSet presAssocID="{6C605FEB-E104-4B0A-89C6-76AFB10B30F8}" presName="parentLin" presStyleCnt="0"/>
      <dgm:spPr/>
    </dgm:pt>
    <dgm:pt modelId="{CBCEEDA6-82DE-4E22-BCE8-A3FE9FE85221}" type="pres">
      <dgm:prSet presAssocID="{6C605FEB-E104-4B0A-89C6-76AFB10B30F8}" presName="parentLeftMargin" presStyleLbl="node1" presStyleIdx="2" presStyleCnt="5"/>
      <dgm:spPr/>
    </dgm:pt>
    <dgm:pt modelId="{6EA5D8DB-8E7D-4126-86FD-8A4FA74B286B}" type="pres">
      <dgm:prSet presAssocID="{6C605FEB-E104-4B0A-89C6-76AFB10B30F8}" presName="parentText" presStyleLbl="node1" presStyleIdx="3" presStyleCnt="5">
        <dgm:presLayoutVars>
          <dgm:chMax val="0"/>
          <dgm:bulletEnabled val="1"/>
        </dgm:presLayoutVars>
      </dgm:prSet>
      <dgm:spPr/>
    </dgm:pt>
    <dgm:pt modelId="{2118DB66-13F8-4972-A91A-7EE82E36A7BE}" type="pres">
      <dgm:prSet presAssocID="{6C605FEB-E104-4B0A-89C6-76AFB10B30F8}" presName="negativeSpace" presStyleCnt="0"/>
      <dgm:spPr/>
    </dgm:pt>
    <dgm:pt modelId="{09520281-0494-4934-AD68-173534882E4D}" type="pres">
      <dgm:prSet presAssocID="{6C605FEB-E104-4B0A-89C6-76AFB10B30F8}" presName="childText" presStyleLbl="conFgAcc1" presStyleIdx="3" presStyleCnt="5">
        <dgm:presLayoutVars>
          <dgm:bulletEnabled val="1"/>
        </dgm:presLayoutVars>
      </dgm:prSet>
      <dgm:spPr/>
    </dgm:pt>
    <dgm:pt modelId="{9E6F6C7E-8FCD-456E-87E5-29862850D0CB}" type="pres">
      <dgm:prSet presAssocID="{B5C9B995-E476-4473-A32E-DA64784143AA}" presName="spaceBetweenRectangles" presStyleCnt="0"/>
      <dgm:spPr/>
    </dgm:pt>
    <dgm:pt modelId="{E316CC00-8DB1-4CAD-8AA8-05BD1B72DB29}" type="pres">
      <dgm:prSet presAssocID="{C96CB708-1570-4EAD-83DB-3D88DB59D867}" presName="parentLin" presStyleCnt="0"/>
      <dgm:spPr/>
    </dgm:pt>
    <dgm:pt modelId="{22F8C86E-581A-40DD-B3D6-1B7F7700C2FC}" type="pres">
      <dgm:prSet presAssocID="{C96CB708-1570-4EAD-83DB-3D88DB59D867}" presName="parentLeftMargin" presStyleLbl="node1" presStyleIdx="3" presStyleCnt="5"/>
      <dgm:spPr/>
    </dgm:pt>
    <dgm:pt modelId="{25A7E4CB-05E4-44EE-ABE2-43F3E6BA84E5}" type="pres">
      <dgm:prSet presAssocID="{C96CB708-1570-4EAD-83DB-3D88DB59D867}" presName="parentText" presStyleLbl="node1" presStyleIdx="4" presStyleCnt="5">
        <dgm:presLayoutVars>
          <dgm:chMax val="0"/>
          <dgm:bulletEnabled val="1"/>
        </dgm:presLayoutVars>
      </dgm:prSet>
      <dgm:spPr/>
    </dgm:pt>
    <dgm:pt modelId="{40C6E8A3-185D-4B64-A624-D173ED0F3BE2}" type="pres">
      <dgm:prSet presAssocID="{C96CB708-1570-4EAD-83DB-3D88DB59D867}" presName="negativeSpace" presStyleCnt="0"/>
      <dgm:spPr/>
    </dgm:pt>
    <dgm:pt modelId="{29C6ED99-95ED-47F2-B456-0DCAD01EBFAE}" type="pres">
      <dgm:prSet presAssocID="{C96CB708-1570-4EAD-83DB-3D88DB59D867}" presName="childText" presStyleLbl="conFgAcc1" presStyleIdx="4" presStyleCnt="5">
        <dgm:presLayoutVars>
          <dgm:bulletEnabled val="1"/>
        </dgm:presLayoutVars>
      </dgm:prSet>
      <dgm:spPr/>
    </dgm:pt>
  </dgm:ptLst>
  <dgm:cxnLst>
    <dgm:cxn modelId="{AF80380D-877E-46D2-A39A-0DD599A190FF}" type="presOf" srcId="{6C605FEB-E104-4B0A-89C6-76AFB10B30F8}" destId="{CBCEEDA6-82DE-4E22-BCE8-A3FE9FE85221}" srcOrd="0" destOrd="0" presId="urn:microsoft.com/office/officeart/2005/8/layout/list1"/>
    <dgm:cxn modelId="{4968CA19-1A08-464E-974A-3BE6CD60937C}" type="presOf" srcId="{153E353B-C598-4286-8E8A-6B5AFAC4F058}" destId="{9A11787A-4995-439E-AFB7-B52DD2AF9F5A}" srcOrd="1" destOrd="0" presId="urn:microsoft.com/office/officeart/2005/8/layout/list1"/>
    <dgm:cxn modelId="{F89F132F-D36C-489A-9B6A-9F963F720DE4}" type="presOf" srcId="{7CBA86E4-37AE-4317-A8DE-F3DA9D941692}" destId="{A7069083-B3A4-4098-B725-0B046283DAB0}" srcOrd="0" destOrd="0" presId="urn:microsoft.com/office/officeart/2005/8/layout/list1"/>
    <dgm:cxn modelId="{11F2CC3C-E4FC-404F-8DC2-3C5B57D61894}" type="presOf" srcId="{153E353B-C598-4286-8E8A-6B5AFAC4F058}" destId="{9DC0C20E-DEAE-4BDB-B3FA-7774F386AC6C}" srcOrd="0" destOrd="0" presId="urn:microsoft.com/office/officeart/2005/8/layout/list1"/>
    <dgm:cxn modelId="{BF180A3E-B6FB-467E-94E2-7AFCD4AF3A0A}" type="presOf" srcId="{C96CB708-1570-4EAD-83DB-3D88DB59D867}" destId="{25A7E4CB-05E4-44EE-ABE2-43F3E6BA84E5}" srcOrd="1" destOrd="0" presId="urn:microsoft.com/office/officeart/2005/8/layout/list1"/>
    <dgm:cxn modelId="{28AE775B-DFF6-43A8-86CD-D3D097A031AE}" type="presOf" srcId="{7CBA86E4-37AE-4317-A8DE-F3DA9D941692}" destId="{C0B47F18-2FA7-4666-ABEA-7E780A0D38A8}" srcOrd="1" destOrd="0" presId="urn:microsoft.com/office/officeart/2005/8/layout/list1"/>
    <dgm:cxn modelId="{D4571370-C940-4E14-BF68-E51C77119B22}" type="presOf" srcId="{C96CB708-1570-4EAD-83DB-3D88DB59D867}" destId="{22F8C86E-581A-40DD-B3D6-1B7F7700C2FC}" srcOrd="0" destOrd="0" presId="urn:microsoft.com/office/officeart/2005/8/layout/list1"/>
    <dgm:cxn modelId="{466CA570-3356-4A13-90BB-E7B08972E930}" srcId="{9D0856BF-6644-424B-9B8E-99DE023F20E9}" destId="{7CBA86E4-37AE-4317-A8DE-F3DA9D941692}" srcOrd="1" destOrd="0" parTransId="{C319E107-9962-44C1-9F14-2128D17C0700}" sibTransId="{8C145CE3-28AE-4BFD-87B7-C51F6F6C93F5}"/>
    <dgm:cxn modelId="{437AD650-81F2-4387-80F9-12FC9B63D817}" srcId="{9D0856BF-6644-424B-9B8E-99DE023F20E9}" destId="{C96CB708-1570-4EAD-83DB-3D88DB59D867}" srcOrd="4" destOrd="0" parTransId="{48BA8312-B263-4279-AB72-F141D6D1278F}" sibTransId="{4B4E7B8A-BD90-4164-BBF5-4463C4D04A4F}"/>
    <dgm:cxn modelId="{C9DFCA52-834C-49D3-BC3E-02927DD2049F}" srcId="{9D0856BF-6644-424B-9B8E-99DE023F20E9}" destId="{153E353B-C598-4286-8E8A-6B5AFAC4F058}" srcOrd="2" destOrd="0" parTransId="{087DC2CB-055D-42A2-BDC1-4A5EEF17930B}" sibTransId="{2CAB3117-C8CD-4AA8-B3F0-E80B2E23AD89}"/>
    <dgm:cxn modelId="{3A5ECE5A-D49D-4B81-8636-C704BECDF207}" type="presOf" srcId="{6C605FEB-E104-4B0A-89C6-76AFB10B30F8}" destId="{6EA5D8DB-8E7D-4126-86FD-8A4FA74B286B}" srcOrd="1" destOrd="0" presId="urn:microsoft.com/office/officeart/2005/8/layout/list1"/>
    <dgm:cxn modelId="{F923337D-A95B-4C28-9CBC-CDEF19385D45}" type="presOf" srcId="{9D0856BF-6644-424B-9B8E-99DE023F20E9}" destId="{D487D8A4-7776-4396-83A3-E27A187FC071}" srcOrd="0" destOrd="0" presId="urn:microsoft.com/office/officeart/2005/8/layout/list1"/>
    <dgm:cxn modelId="{484B2AAF-77B8-4107-930B-CD6E807DEBC4}" type="presOf" srcId="{BDAC8468-401E-4806-BDC9-E25F0387C887}" destId="{7368C8DC-D536-4708-9D53-333530AF7B27}" srcOrd="0" destOrd="0" presId="urn:microsoft.com/office/officeart/2005/8/layout/list1"/>
    <dgm:cxn modelId="{225CA2DB-CCC8-4BEC-BCD9-73E8D9FB9163}" srcId="{9D0856BF-6644-424B-9B8E-99DE023F20E9}" destId="{BDAC8468-401E-4806-BDC9-E25F0387C887}" srcOrd="0" destOrd="0" parTransId="{0606489D-A6C4-43E7-88D7-B02A12B59F0B}" sibTransId="{6A5E6656-66C4-49CE-9AD7-05282533A4D2}"/>
    <dgm:cxn modelId="{D2B2E8F1-5752-4E8E-8D77-C3BE69C28E33}" srcId="{9D0856BF-6644-424B-9B8E-99DE023F20E9}" destId="{6C605FEB-E104-4B0A-89C6-76AFB10B30F8}" srcOrd="3" destOrd="0" parTransId="{5D9C6FDB-198B-4DAE-A854-F77B28883F00}" sibTransId="{B5C9B995-E476-4473-A32E-DA64784143AA}"/>
    <dgm:cxn modelId="{0DF653F6-7E46-462F-ACB5-D62CD0C575F8}" type="presOf" srcId="{BDAC8468-401E-4806-BDC9-E25F0387C887}" destId="{F3891588-C860-436B-94B6-4065ED54FAD1}" srcOrd="1" destOrd="0" presId="urn:microsoft.com/office/officeart/2005/8/layout/list1"/>
    <dgm:cxn modelId="{3705B3A1-CA62-404B-BDC3-0BCD6F90DFD5}" type="presParOf" srcId="{D487D8A4-7776-4396-83A3-E27A187FC071}" destId="{C0CBDED2-13ED-4662-81A1-547CC2F544BE}" srcOrd="0" destOrd="0" presId="urn:microsoft.com/office/officeart/2005/8/layout/list1"/>
    <dgm:cxn modelId="{960D544D-9F9F-4149-879E-F973F6ACAD8F}" type="presParOf" srcId="{C0CBDED2-13ED-4662-81A1-547CC2F544BE}" destId="{7368C8DC-D536-4708-9D53-333530AF7B27}" srcOrd="0" destOrd="0" presId="urn:microsoft.com/office/officeart/2005/8/layout/list1"/>
    <dgm:cxn modelId="{23F3342E-A56B-48E6-9DC2-6AF2441076B9}" type="presParOf" srcId="{C0CBDED2-13ED-4662-81A1-547CC2F544BE}" destId="{F3891588-C860-436B-94B6-4065ED54FAD1}" srcOrd="1" destOrd="0" presId="urn:microsoft.com/office/officeart/2005/8/layout/list1"/>
    <dgm:cxn modelId="{CE7C0D63-F26B-4C3B-9BE3-5FC2407D89C5}" type="presParOf" srcId="{D487D8A4-7776-4396-83A3-E27A187FC071}" destId="{5A717CC8-9BB7-4CF4-9B81-3534094C2871}" srcOrd="1" destOrd="0" presId="urn:microsoft.com/office/officeart/2005/8/layout/list1"/>
    <dgm:cxn modelId="{5ACB798C-F75C-410D-90D1-1B3578FCD0F0}" type="presParOf" srcId="{D487D8A4-7776-4396-83A3-E27A187FC071}" destId="{971F2E66-E461-44A2-941B-77F3CA9E3093}" srcOrd="2" destOrd="0" presId="urn:microsoft.com/office/officeart/2005/8/layout/list1"/>
    <dgm:cxn modelId="{19B45E07-ABA3-4E08-904C-466F2D9123DE}" type="presParOf" srcId="{D487D8A4-7776-4396-83A3-E27A187FC071}" destId="{9F5F5939-A9C3-419B-BADD-9B7CE14C07A4}" srcOrd="3" destOrd="0" presId="urn:microsoft.com/office/officeart/2005/8/layout/list1"/>
    <dgm:cxn modelId="{A50A895B-09DE-4EEB-B354-DFC05AA0FFEE}" type="presParOf" srcId="{D487D8A4-7776-4396-83A3-E27A187FC071}" destId="{3ED1F96E-DE2A-4B11-9B1F-77244FD2577C}" srcOrd="4" destOrd="0" presId="urn:microsoft.com/office/officeart/2005/8/layout/list1"/>
    <dgm:cxn modelId="{A4799B26-BB76-444F-9990-F6C490463B85}" type="presParOf" srcId="{3ED1F96E-DE2A-4B11-9B1F-77244FD2577C}" destId="{A7069083-B3A4-4098-B725-0B046283DAB0}" srcOrd="0" destOrd="0" presId="urn:microsoft.com/office/officeart/2005/8/layout/list1"/>
    <dgm:cxn modelId="{E8102EB7-3FBC-40C1-85E0-32F57CBAD1F0}" type="presParOf" srcId="{3ED1F96E-DE2A-4B11-9B1F-77244FD2577C}" destId="{C0B47F18-2FA7-4666-ABEA-7E780A0D38A8}" srcOrd="1" destOrd="0" presId="urn:microsoft.com/office/officeart/2005/8/layout/list1"/>
    <dgm:cxn modelId="{2BC694C6-A0C1-49BD-BEF2-61D6456B0A60}" type="presParOf" srcId="{D487D8A4-7776-4396-83A3-E27A187FC071}" destId="{2C751671-EEC3-4E69-8069-F0740FB13D57}" srcOrd="5" destOrd="0" presId="urn:microsoft.com/office/officeart/2005/8/layout/list1"/>
    <dgm:cxn modelId="{6896CC28-B9A7-4123-ADEA-254DF4DB680F}" type="presParOf" srcId="{D487D8A4-7776-4396-83A3-E27A187FC071}" destId="{18B3ED62-4964-4090-81E9-6257AA610FFD}" srcOrd="6" destOrd="0" presId="urn:microsoft.com/office/officeart/2005/8/layout/list1"/>
    <dgm:cxn modelId="{57CD9ADF-1A6A-4CE8-A9BB-70E365600AB6}" type="presParOf" srcId="{D487D8A4-7776-4396-83A3-E27A187FC071}" destId="{1AE0A235-190C-4A99-B77A-6293C9D8B1AA}" srcOrd="7" destOrd="0" presId="urn:microsoft.com/office/officeart/2005/8/layout/list1"/>
    <dgm:cxn modelId="{11837081-C3E4-4AD0-9128-BD03C26EF878}" type="presParOf" srcId="{D487D8A4-7776-4396-83A3-E27A187FC071}" destId="{77700BF3-FEB1-49D3-A78A-6E86D3B39F06}" srcOrd="8" destOrd="0" presId="urn:microsoft.com/office/officeart/2005/8/layout/list1"/>
    <dgm:cxn modelId="{FC19352E-B290-411A-A8E7-23475A936267}" type="presParOf" srcId="{77700BF3-FEB1-49D3-A78A-6E86D3B39F06}" destId="{9DC0C20E-DEAE-4BDB-B3FA-7774F386AC6C}" srcOrd="0" destOrd="0" presId="urn:microsoft.com/office/officeart/2005/8/layout/list1"/>
    <dgm:cxn modelId="{13522B34-EF2E-4908-9460-DDE3C1CCD3C9}" type="presParOf" srcId="{77700BF3-FEB1-49D3-A78A-6E86D3B39F06}" destId="{9A11787A-4995-439E-AFB7-B52DD2AF9F5A}" srcOrd="1" destOrd="0" presId="urn:microsoft.com/office/officeart/2005/8/layout/list1"/>
    <dgm:cxn modelId="{8EA0604D-1216-4334-B423-CF07CDB4BAC2}" type="presParOf" srcId="{D487D8A4-7776-4396-83A3-E27A187FC071}" destId="{467BD06E-586A-4135-9A4B-820AC493CE88}" srcOrd="9" destOrd="0" presId="urn:microsoft.com/office/officeart/2005/8/layout/list1"/>
    <dgm:cxn modelId="{DFA6AD20-5163-4E91-B290-AEC96775B13C}" type="presParOf" srcId="{D487D8A4-7776-4396-83A3-E27A187FC071}" destId="{6B639962-1E53-4857-AA0B-7B0AC2E439BD}" srcOrd="10" destOrd="0" presId="urn:microsoft.com/office/officeart/2005/8/layout/list1"/>
    <dgm:cxn modelId="{F9622FFC-D7CA-4D5B-BA13-1A4F5AD54EB9}" type="presParOf" srcId="{D487D8A4-7776-4396-83A3-E27A187FC071}" destId="{34913137-EC77-493D-A810-0844AB410BB9}" srcOrd="11" destOrd="0" presId="urn:microsoft.com/office/officeart/2005/8/layout/list1"/>
    <dgm:cxn modelId="{08D895D8-D143-449E-9731-32F1F8DA4451}" type="presParOf" srcId="{D487D8A4-7776-4396-83A3-E27A187FC071}" destId="{B886746A-DA16-4D7A-BC4A-580B5622C8E3}" srcOrd="12" destOrd="0" presId="urn:microsoft.com/office/officeart/2005/8/layout/list1"/>
    <dgm:cxn modelId="{F499CB5F-385A-4344-B736-F42C9D54FEBC}" type="presParOf" srcId="{B886746A-DA16-4D7A-BC4A-580B5622C8E3}" destId="{CBCEEDA6-82DE-4E22-BCE8-A3FE9FE85221}" srcOrd="0" destOrd="0" presId="urn:microsoft.com/office/officeart/2005/8/layout/list1"/>
    <dgm:cxn modelId="{D2FC723C-96DE-4918-979B-D134BFB19C28}" type="presParOf" srcId="{B886746A-DA16-4D7A-BC4A-580B5622C8E3}" destId="{6EA5D8DB-8E7D-4126-86FD-8A4FA74B286B}" srcOrd="1" destOrd="0" presId="urn:microsoft.com/office/officeart/2005/8/layout/list1"/>
    <dgm:cxn modelId="{1FC24895-7FCC-4A14-8812-0FDA9F58B61F}" type="presParOf" srcId="{D487D8A4-7776-4396-83A3-E27A187FC071}" destId="{2118DB66-13F8-4972-A91A-7EE82E36A7BE}" srcOrd="13" destOrd="0" presId="urn:microsoft.com/office/officeart/2005/8/layout/list1"/>
    <dgm:cxn modelId="{6981506D-79C5-4618-A965-A59AA82EF0F4}" type="presParOf" srcId="{D487D8A4-7776-4396-83A3-E27A187FC071}" destId="{09520281-0494-4934-AD68-173534882E4D}" srcOrd="14" destOrd="0" presId="urn:microsoft.com/office/officeart/2005/8/layout/list1"/>
    <dgm:cxn modelId="{BB3AC475-53CB-4CC1-8FB0-D9E3A41BED18}" type="presParOf" srcId="{D487D8A4-7776-4396-83A3-E27A187FC071}" destId="{9E6F6C7E-8FCD-456E-87E5-29862850D0CB}" srcOrd="15" destOrd="0" presId="urn:microsoft.com/office/officeart/2005/8/layout/list1"/>
    <dgm:cxn modelId="{35349276-55C0-46FF-93F9-935D253BFF65}" type="presParOf" srcId="{D487D8A4-7776-4396-83A3-E27A187FC071}" destId="{E316CC00-8DB1-4CAD-8AA8-05BD1B72DB29}" srcOrd="16" destOrd="0" presId="urn:microsoft.com/office/officeart/2005/8/layout/list1"/>
    <dgm:cxn modelId="{269F1F13-FCB7-4C55-A828-705C1AEA8BA9}" type="presParOf" srcId="{E316CC00-8DB1-4CAD-8AA8-05BD1B72DB29}" destId="{22F8C86E-581A-40DD-B3D6-1B7F7700C2FC}" srcOrd="0" destOrd="0" presId="urn:microsoft.com/office/officeart/2005/8/layout/list1"/>
    <dgm:cxn modelId="{EEA8B41C-2245-4E81-BEE4-CB3EE31FBAB7}" type="presParOf" srcId="{E316CC00-8DB1-4CAD-8AA8-05BD1B72DB29}" destId="{25A7E4CB-05E4-44EE-ABE2-43F3E6BA84E5}" srcOrd="1" destOrd="0" presId="urn:microsoft.com/office/officeart/2005/8/layout/list1"/>
    <dgm:cxn modelId="{C4A0D1A7-5D3E-4CD5-AAD9-155B8F5BC533}" type="presParOf" srcId="{D487D8A4-7776-4396-83A3-E27A187FC071}" destId="{40C6E8A3-185D-4B64-A624-D173ED0F3BE2}" srcOrd="17" destOrd="0" presId="urn:microsoft.com/office/officeart/2005/8/layout/list1"/>
    <dgm:cxn modelId="{52FE24E4-4328-4211-A401-29E638BBC2B9}" type="presParOf" srcId="{D487D8A4-7776-4396-83A3-E27A187FC071}" destId="{29C6ED99-95ED-47F2-B456-0DCAD01EBFAE}" srcOrd="18" destOrd="0" presId="urn:microsoft.com/office/officeart/2005/8/layout/list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0.xml><?xml version="1.0" encoding="utf-8"?>
<dgm:dataModel xmlns:dgm="http://schemas.openxmlformats.org/drawingml/2006/diagram" xmlns:a="http://schemas.openxmlformats.org/drawingml/2006/main">
  <dgm:ptLst>
    <dgm:pt modelId="{2382C589-DCBD-41A2-804A-C08BF9D7FD27}" type="doc">
      <dgm:prSet loTypeId="urn:microsoft.com/office/officeart/2005/8/layout/hierarchy4" loCatId="hierarchy" qsTypeId="urn:microsoft.com/office/officeart/2005/8/quickstyle/simple1" qsCatId="simple" csTypeId="urn:microsoft.com/office/officeart/2005/8/colors/colorful1" csCatId="colorful" phldr="1"/>
      <dgm:spPr/>
      <dgm:t>
        <a:bodyPr/>
        <a:lstStyle/>
        <a:p>
          <a:endParaRPr lang="LID4096"/>
        </a:p>
      </dgm:t>
    </dgm:pt>
    <dgm:pt modelId="{5F205167-8F2D-40AD-98A5-C29DBF923554}">
      <dgm:prSet phldrT="[Text]"/>
      <dgm:spPr/>
      <dgm:t>
        <a:bodyPr/>
        <a:lstStyle/>
        <a:p>
          <a:r>
            <a:rPr lang="en-US"/>
            <a:t>Silicon (Si)</a:t>
          </a:r>
          <a:endParaRPr lang="LID4096"/>
        </a:p>
      </dgm:t>
    </dgm:pt>
    <dgm:pt modelId="{FAA8FF55-106F-45BF-A101-AADF5F92B45E}" type="parTrans" cxnId="{0CA00EE1-9D3C-4154-9B17-66A8412D6CE5}">
      <dgm:prSet/>
      <dgm:spPr/>
      <dgm:t>
        <a:bodyPr/>
        <a:lstStyle/>
        <a:p>
          <a:endParaRPr lang="LID4096"/>
        </a:p>
      </dgm:t>
    </dgm:pt>
    <dgm:pt modelId="{C0A7DCCA-2BF0-4758-8871-254F2F92DDCC}" type="sibTrans" cxnId="{0CA00EE1-9D3C-4154-9B17-66A8412D6CE5}">
      <dgm:prSet/>
      <dgm:spPr/>
      <dgm:t>
        <a:bodyPr/>
        <a:lstStyle/>
        <a:p>
          <a:endParaRPr lang="LID4096"/>
        </a:p>
      </dgm:t>
    </dgm:pt>
    <dgm:pt modelId="{CE04140B-B271-4E27-98C7-77989C4A7B34}">
      <dgm:prSet phldrT="[Text]"/>
      <dgm:spPr/>
      <dgm:t>
        <a:bodyPr/>
        <a:lstStyle/>
        <a:p>
          <a:r>
            <a:rPr lang="en-US"/>
            <a:t>Transistors</a:t>
          </a:r>
          <a:endParaRPr lang="LID4096"/>
        </a:p>
      </dgm:t>
    </dgm:pt>
    <dgm:pt modelId="{EF75F78D-1BD1-4C73-A3CA-372CE1784BCA}" type="parTrans" cxnId="{2647AC75-E7F1-45D2-931D-D5F4BCC7CC40}">
      <dgm:prSet/>
      <dgm:spPr/>
      <dgm:t>
        <a:bodyPr/>
        <a:lstStyle/>
        <a:p>
          <a:endParaRPr lang="LID4096"/>
        </a:p>
      </dgm:t>
    </dgm:pt>
    <dgm:pt modelId="{1A92886D-734E-4755-99D8-6E393C72C637}" type="sibTrans" cxnId="{2647AC75-E7F1-45D2-931D-D5F4BCC7CC40}">
      <dgm:prSet/>
      <dgm:spPr/>
      <dgm:t>
        <a:bodyPr/>
        <a:lstStyle/>
        <a:p>
          <a:endParaRPr lang="LID4096"/>
        </a:p>
      </dgm:t>
    </dgm:pt>
    <dgm:pt modelId="{04331996-5296-497B-B00E-A95BD1D771E5}">
      <dgm:prSet phldrT="[Text]"/>
      <dgm:spPr/>
      <dgm:t>
        <a:bodyPr/>
        <a:lstStyle/>
        <a:p>
          <a:r>
            <a:rPr lang="en-US"/>
            <a:t>Resistors</a:t>
          </a:r>
          <a:endParaRPr lang="LID4096"/>
        </a:p>
      </dgm:t>
    </dgm:pt>
    <dgm:pt modelId="{DD5BB524-E7FA-4418-B82F-BB11DED2BFB6}" type="parTrans" cxnId="{1A2E1FF1-F5EB-4670-A6EC-76E415A1F180}">
      <dgm:prSet/>
      <dgm:spPr/>
      <dgm:t>
        <a:bodyPr/>
        <a:lstStyle/>
        <a:p>
          <a:endParaRPr lang="LID4096"/>
        </a:p>
      </dgm:t>
    </dgm:pt>
    <dgm:pt modelId="{F335B28D-A02C-4B05-985D-6E0667132D95}" type="sibTrans" cxnId="{1A2E1FF1-F5EB-4670-A6EC-76E415A1F180}">
      <dgm:prSet/>
      <dgm:spPr/>
      <dgm:t>
        <a:bodyPr/>
        <a:lstStyle/>
        <a:p>
          <a:endParaRPr lang="LID4096"/>
        </a:p>
      </dgm:t>
    </dgm:pt>
    <dgm:pt modelId="{2103F5FE-79B0-47A2-8E4B-29C6A00E1435}">
      <dgm:prSet phldrT="[Text]"/>
      <dgm:spPr/>
      <dgm:t>
        <a:bodyPr/>
        <a:lstStyle/>
        <a:p>
          <a:r>
            <a:rPr lang="en-US"/>
            <a:t>Diodes</a:t>
          </a:r>
          <a:endParaRPr lang="LID4096"/>
        </a:p>
      </dgm:t>
    </dgm:pt>
    <dgm:pt modelId="{6C1D727E-AAEA-4248-B52E-C461405C7633}" type="parTrans" cxnId="{A7A3A74A-D334-49DD-AE9F-A824AC8B5422}">
      <dgm:prSet/>
      <dgm:spPr/>
      <dgm:t>
        <a:bodyPr/>
        <a:lstStyle/>
        <a:p>
          <a:endParaRPr lang="LID4096"/>
        </a:p>
      </dgm:t>
    </dgm:pt>
    <dgm:pt modelId="{FF5A9F0F-C357-474B-B217-1518F9FF925E}" type="sibTrans" cxnId="{A7A3A74A-D334-49DD-AE9F-A824AC8B5422}">
      <dgm:prSet/>
      <dgm:spPr/>
      <dgm:t>
        <a:bodyPr/>
        <a:lstStyle/>
        <a:p>
          <a:endParaRPr lang="LID4096"/>
        </a:p>
      </dgm:t>
    </dgm:pt>
    <dgm:pt modelId="{97013598-63A9-4045-B4F2-13BAB5005642}">
      <dgm:prSet phldrT="[Text]"/>
      <dgm:spPr/>
      <dgm:t>
        <a:bodyPr/>
        <a:lstStyle/>
        <a:p>
          <a:r>
            <a:rPr lang="en-US"/>
            <a:t>Analog</a:t>
          </a:r>
          <a:endParaRPr lang="LID4096"/>
        </a:p>
      </dgm:t>
    </dgm:pt>
    <dgm:pt modelId="{C3B87AFD-940D-4D24-AD72-5C5FA0E517EB}" type="parTrans" cxnId="{EC3A643C-7ACC-463E-985E-C47A3CE42F6C}">
      <dgm:prSet/>
      <dgm:spPr/>
      <dgm:t>
        <a:bodyPr/>
        <a:lstStyle/>
        <a:p>
          <a:endParaRPr lang="LID4096"/>
        </a:p>
      </dgm:t>
    </dgm:pt>
    <dgm:pt modelId="{694C8776-A2FF-4F0A-B6BE-BB6735804E6F}" type="sibTrans" cxnId="{EC3A643C-7ACC-463E-985E-C47A3CE42F6C}">
      <dgm:prSet/>
      <dgm:spPr/>
      <dgm:t>
        <a:bodyPr/>
        <a:lstStyle/>
        <a:p>
          <a:endParaRPr lang="LID4096"/>
        </a:p>
      </dgm:t>
    </dgm:pt>
    <dgm:pt modelId="{54893158-7CC9-4731-868A-FD5A44EE4B32}">
      <dgm:prSet phldrT="[Text]"/>
      <dgm:spPr/>
      <dgm:t>
        <a:bodyPr/>
        <a:lstStyle/>
        <a:p>
          <a:r>
            <a:rPr lang="en-US"/>
            <a:t>Digital</a:t>
          </a:r>
          <a:endParaRPr lang="LID4096"/>
        </a:p>
      </dgm:t>
    </dgm:pt>
    <dgm:pt modelId="{06134594-72C3-42ED-8BA8-87204D0AE78D}" type="parTrans" cxnId="{BF89F2B2-B72D-491D-92BB-06E1AC618597}">
      <dgm:prSet/>
      <dgm:spPr/>
      <dgm:t>
        <a:bodyPr/>
        <a:lstStyle/>
        <a:p>
          <a:endParaRPr lang="LID4096"/>
        </a:p>
      </dgm:t>
    </dgm:pt>
    <dgm:pt modelId="{9BE020AB-4323-4316-BFD6-1B12E9617259}" type="sibTrans" cxnId="{BF89F2B2-B72D-491D-92BB-06E1AC618597}">
      <dgm:prSet/>
      <dgm:spPr/>
      <dgm:t>
        <a:bodyPr/>
        <a:lstStyle/>
        <a:p>
          <a:endParaRPr lang="LID4096"/>
        </a:p>
      </dgm:t>
    </dgm:pt>
    <dgm:pt modelId="{FBD5460C-515A-42D0-AB79-D5E7CDF3BD1E}">
      <dgm:prSet phldrT="[Text]"/>
      <dgm:spPr/>
      <dgm:t>
        <a:bodyPr/>
        <a:lstStyle/>
        <a:p>
          <a:r>
            <a:rPr lang="en-US"/>
            <a:t>Logic gates</a:t>
          </a:r>
          <a:endParaRPr lang="LID4096"/>
        </a:p>
      </dgm:t>
    </dgm:pt>
    <dgm:pt modelId="{977CB01A-09AE-4528-86E8-FEEE9260D119}" type="parTrans" cxnId="{33424ACF-A379-4EA8-97A7-4F1E82F78D3D}">
      <dgm:prSet/>
      <dgm:spPr/>
      <dgm:t>
        <a:bodyPr/>
        <a:lstStyle/>
        <a:p>
          <a:endParaRPr lang="LID4096"/>
        </a:p>
      </dgm:t>
    </dgm:pt>
    <dgm:pt modelId="{88095685-E708-45B0-AC7D-7901F27D9B35}" type="sibTrans" cxnId="{33424ACF-A379-4EA8-97A7-4F1E82F78D3D}">
      <dgm:prSet/>
      <dgm:spPr/>
      <dgm:t>
        <a:bodyPr/>
        <a:lstStyle/>
        <a:p>
          <a:endParaRPr lang="LID4096"/>
        </a:p>
      </dgm:t>
    </dgm:pt>
    <dgm:pt modelId="{77FEC885-AAAA-47E3-8442-73A1BEEF0135}">
      <dgm:prSet phldrT="[Text]"/>
      <dgm:spPr/>
      <dgm:t>
        <a:bodyPr/>
        <a:lstStyle/>
        <a:p>
          <a:r>
            <a:rPr lang="en-US"/>
            <a:t>Capacitors</a:t>
          </a:r>
          <a:endParaRPr lang="LID4096"/>
        </a:p>
      </dgm:t>
    </dgm:pt>
    <dgm:pt modelId="{0AB70617-534A-4F14-91A8-D4261D953D93}" type="parTrans" cxnId="{CF65D5D4-75E0-41AB-85A9-ACE5E3792936}">
      <dgm:prSet/>
      <dgm:spPr/>
      <dgm:t>
        <a:bodyPr/>
        <a:lstStyle/>
        <a:p>
          <a:endParaRPr lang="LID4096"/>
        </a:p>
      </dgm:t>
    </dgm:pt>
    <dgm:pt modelId="{93B92557-2B73-4544-ABB7-65CCDC80B34B}" type="sibTrans" cxnId="{CF65D5D4-75E0-41AB-85A9-ACE5E3792936}">
      <dgm:prSet/>
      <dgm:spPr/>
      <dgm:t>
        <a:bodyPr/>
        <a:lstStyle/>
        <a:p>
          <a:endParaRPr lang="LID4096"/>
        </a:p>
      </dgm:t>
    </dgm:pt>
    <dgm:pt modelId="{49F1A2AB-13CC-4382-A93C-3D2D80006298}">
      <dgm:prSet phldrT="[Text]"/>
      <dgm:spPr/>
      <dgm:t>
        <a:bodyPr/>
        <a:lstStyle/>
        <a:p>
          <a:r>
            <a:rPr lang="en-US"/>
            <a:t>Inductors</a:t>
          </a:r>
          <a:endParaRPr lang="LID4096"/>
        </a:p>
      </dgm:t>
    </dgm:pt>
    <dgm:pt modelId="{EB56FC64-A191-4721-A8B7-AA31B9E026CC}" type="parTrans" cxnId="{1D588028-ACC5-4C99-9884-3F428C59B01D}">
      <dgm:prSet/>
      <dgm:spPr/>
      <dgm:t>
        <a:bodyPr/>
        <a:lstStyle/>
        <a:p>
          <a:endParaRPr lang="LID4096"/>
        </a:p>
      </dgm:t>
    </dgm:pt>
    <dgm:pt modelId="{A60FDAAB-F06D-457F-8C17-10C288075483}" type="sibTrans" cxnId="{1D588028-ACC5-4C99-9884-3F428C59B01D}">
      <dgm:prSet/>
      <dgm:spPr/>
      <dgm:t>
        <a:bodyPr/>
        <a:lstStyle/>
        <a:p>
          <a:endParaRPr lang="LID4096"/>
        </a:p>
      </dgm:t>
    </dgm:pt>
    <dgm:pt modelId="{A8631E6F-2183-477C-A010-0327FA61EDBD}">
      <dgm:prSet phldrT="[Text]"/>
      <dgm:spPr/>
      <dgm:t>
        <a:bodyPr/>
        <a:lstStyle/>
        <a:p>
          <a:r>
            <a:rPr lang="en-US"/>
            <a:t>ALU</a:t>
          </a:r>
          <a:endParaRPr lang="LID4096"/>
        </a:p>
      </dgm:t>
    </dgm:pt>
    <dgm:pt modelId="{C9A75A90-AD2C-47CD-A7FF-2CB9F9610FBB}" type="parTrans" cxnId="{BD258565-994B-4180-B756-C014CD207A62}">
      <dgm:prSet/>
      <dgm:spPr/>
      <dgm:t>
        <a:bodyPr/>
        <a:lstStyle/>
        <a:p>
          <a:endParaRPr lang="LID4096"/>
        </a:p>
      </dgm:t>
    </dgm:pt>
    <dgm:pt modelId="{1D4FEBC7-B578-440A-881D-F70A6E731FC5}" type="sibTrans" cxnId="{BD258565-994B-4180-B756-C014CD207A62}">
      <dgm:prSet/>
      <dgm:spPr/>
      <dgm:t>
        <a:bodyPr/>
        <a:lstStyle/>
        <a:p>
          <a:endParaRPr lang="LID4096"/>
        </a:p>
      </dgm:t>
    </dgm:pt>
    <dgm:pt modelId="{98AADB10-9608-4309-A415-C839863A92AA}">
      <dgm:prSet phldrT="[Text]"/>
      <dgm:spPr/>
      <dgm:t>
        <a:bodyPr/>
        <a:lstStyle/>
        <a:p>
          <a:r>
            <a:rPr lang="en-US"/>
            <a:t>Memory</a:t>
          </a:r>
          <a:endParaRPr lang="LID4096"/>
        </a:p>
      </dgm:t>
    </dgm:pt>
    <dgm:pt modelId="{CEE109F6-123A-4FF9-BA44-EC5D742B02D9}" type="parTrans" cxnId="{21BB719F-BA82-4372-A945-0BA5DA0BA259}">
      <dgm:prSet/>
      <dgm:spPr/>
      <dgm:t>
        <a:bodyPr/>
        <a:lstStyle/>
        <a:p>
          <a:endParaRPr lang="LID4096"/>
        </a:p>
      </dgm:t>
    </dgm:pt>
    <dgm:pt modelId="{AC183A64-AEF5-42F1-BE05-463B41EE42AE}" type="sibTrans" cxnId="{21BB719F-BA82-4372-A945-0BA5DA0BA259}">
      <dgm:prSet/>
      <dgm:spPr/>
      <dgm:t>
        <a:bodyPr/>
        <a:lstStyle/>
        <a:p>
          <a:endParaRPr lang="LID4096"/>
        </a:p>
      </dgm:t>
    </dgm:pt>
    <dgm:pt modelId="{B30945EF-FC65-4F51-AE93-BB84A05E2B1D}">
      <dgm:prSet phldrT="[Text]"/>
      <dgm:spPr/>
      <dgm:t>
        <a:bodyPr/>
        <a:lstStyle/>
        <a:p>
          <a:r>
            <a:rPr lang="en-US"/>
            <a:t>Control</a:t>
          </a:r>
          <a:endParaRPr lang="LID4096"/>
        </a:p>
      </dgm:t>
    </dgm:pt>
    <dgm:pt modelId="{59A58420-8347-44AE-8778-AD2D796FA2E0}" type="parTrans" cxnId="{7F6C7170-77B4-43D3-AB94-6B7CDDDA74D5}">
      <dgm:prSet/>
      <dgm:spPr/>
      <dgm:t>
        <a:bodyPr/>
        <a:lstStyle/>
        <a:p>
          <a:endParaRPr lang="LID4096"/>
        </a:p>
      </dgm:t>
    </dgm:pt>
    <dgm:pt modelId="{20E8573F-10B0-4193-A77C-4D73EA581570}" type="sibTrans" cxnId="{7F6C7170-77B4-43D3-AB94-6B7CDDDA74D5}">
      <dgm:prSet/>
      <dgm:spPr/>
      <dgm:t>
        <a:bodyPr/>
        <a:lstStyle/>
        <a:p>
          <a:endParaRPr lang="LID4096"/>
        </a:p>
      </dgm:t>
    </dgm:pt>
    <dgm:pt modelId="{21D0B0F4-C8E8-4450-9921-9771E95E19BE}" type="pres">
      <dgm:prSet presAssocID="{2382C589-DCBD-41A2-804A-C08BF9D7FD27}" presName="Name0" presStyleCnt="0">
        <dgm:presLayoutVars>
          <dgm:chPref val="1"/>
          <dgm:dir/>
          <dgm:animOne val="branch"/>
          <dgm:animLvl val="lvl"/>
          <dgm:resizeHandles/>
        </dgm:presLayoutVars>
      </dgm:prSet>
      <dgm:spPr/>
    </dgm:pt>
    <dgm:pt modelId="{2039D19E-C448-4195-A7F5-E9F857AFC766}" type="pres">
      <dgm:prSet presAssocID="{5F205167-8F2D-40AD-98A5-C29DBF923554}" presName="vertOne" presStyleCnt="0"/>
      <dgm:spPr/>
    </dgm:pt>
    <dgm:pt modelId="{B149A9AB-F220-4BD9-9195-50A6B5D9E55C}" type="pres">
      <dgm:prSet presAssocID="{5F205167-8F2D-40AD-98A5-C29DBF923554}" presName="txOne" presStyleLbl="node0" presStyleIdx="0" presStyleCnt="1" custLinFactNeighborX="9" custLinFactNeighborY="-7064">
        <dgm:presLayoutVars>
          <dgm:chPref val="3"/>
        </dgm:presLayoutVars>
      </dgm:prSet>
      <dgm:spPr/>
    </dgm:pt>
    <dgm:pt modelId="{DF50CBA2-81D5-479B-9C04-899B93349612}" type="pres">
      <dgm:prSet presAssocID="{5F205167-8F2D-40AD-98A5-C29DBF923554}" presName="parTransOne" presStyleCnt="0"/>
      <dgm:spPr/>
    </dgm:pt>
    <dgm:pt modelId="{B58BD547-4883-4074-8182-19D8F7D7BC1A}" type="pres">
      <dgm:prSet presAssocID="{5F205167-8F2D-40AD-98A5-C29DBF923554}" presName="horzOne" presStyleCnt="0"/>
      <dgm:spPr/>
    </dgm:pt>
    <dgm:pt modelId="{2130562D-BCC0-488C-B4BD-39DFFBE10ED4}" type="pres">
      <dgm:prSet presAssocID="{CE04140B-B271-4E27-98C7-77989C4A7B34}" presName="vertTwo" presStyleCnt="0"/>
      <dgm:spPr/>
    </dgm:pt>
    <dgm:pt modelId="{680A2588-9F34-4FBC-B280-EB1A08F92590}" type="pres">
      <dgm:prSet presAssocID="{CE04140B-B271-4E27-98C7-77989C4A7B34}" presName="txTwo" presStyleLbl="node2" presStyleIdx="0" presStyleCnt="1">
        <dgm:presLayoutVars>
          <dgm:chPref val="3"/>
        </dgm:presLayoutVars>
      </dgm:prSet>
      <dgm:spPr/>
    </dgm:pt>
    <dgm:pt modelId="{ACF59989-E052-41FE-A782-F5972420FED3}" type="pres">
      <dgm:prSet presAssocID="{CE04140B-B271-4E27-98C7-77989C4A7B34}" presName="parTransTwo" presStyleCnt="0"/>
      <dgm:spPr/>
    </dgm:pt>
    <dgm:pt modelId="{A3367590-2617-4966-A4D9-85122433ED92}" type="pres">
      <dgm:prSet presAssocID="{CE04140B-B271-4E27-98C7-77989C4A7B34}" presName="horzTwo" presStyleCnt="0"/>
      <dgm:spPr/>
    </dgm:pt>
    <dgm:pt modelId="{074C15A8-642A-448A-8B06-168D3047D063}" type="pres">
      <dgm:prSet presAssocID="{97013598-63A9-4045-B4F2-13BAB5005642}" presName="vertThree" presStyleCnt="0"/>
      <dgm:spPr/>
    </dgm:pt>
    <dgm:pt modelId="{4A053949-ADBA-4221-A87B-98330D0FA4A9}" type="pres">
      <dgm:prSet presAssocID="{97013598-63A9-4045-B4F2-13BAB5005642}" presName="txThree" presStyleLbl="node3" presStyleIdx="0" presStyleCnt="2">
        <dgm:presLayoutVars>
          <dgm:chPref val="3"/>
        </dgm:presLayoutVars>
      </dgm:prSet>
      <dgm:spPr/>
    </dgm:pt>
    <dgm:pt modelId="{2D9B15CA-FD45-43FC-B672-61FA19AEA97E}" type="pres">
      <dgm:prSet presAssocID="{97013598-63A9-4045-B4F2-13BAB5005642}" presName="parTransThree" presStyleCnt="0"/>
      <dgm:spPr/>
    </dgm:pt>
    <dgm:pt modelId="{6E90CE79-D85B-43D1-AB1C-F60D60734A32}" type="pres">
      <dgm:prSet presAssocID="{97013598-63A9-4045-B4F2-13BAB5005642}" presName="horzThree" presStyleCnt="0"/>
      <dgm:spPr/>
    </dgm:pt>
    <dgm:pt modelId="{2CDFC8BF-E8CA-4BA6-84C0-143F0AF5421D}" type="pres">
      <dgm:prSet presAssocID="{04331996-5296-497B-B00E-A95BD1D771E5}" presName="vertFour" presStyleCnt="0">
        <dgm:presLayoutVars>
          <dgm:chPref val="3"/>
        </dgm:presLayoutVars>
      </dgm:prSet>
      <dgm:spPr/>
    </dgm:pt>
    <dgm:pt modelId="{FE79A713-A148-4A02-AC57-C85C95BEE752}" type="pres">
      <dgm:prSet presAssocID="{04331996-5296-497B-B00E-A95BD1D771E5}" presName="txFour" presStyleLbl="node4" presStyleIdx="0" presStyleCnt="8">
        <dgm:presLayoutVars>
          <dgm:chPref val="3"/>
        </dgm:presLayoutVars>
      </dgm:prSet>
      <dgm:spPr/>
    </dgm:pt>
    <dgm:pt modelId="{4345DBD5-7A3A-4E9A-9FC9-DAB11716B76F}" type="pres">
      <dgm:prSet presAssocID="{04331996-5296-497B-B00E-A95BD1D771E5}" presName="horzFour" presStyleCnt="0"/>
      <dgm:spPr/>
    </dgm:pt>
    <dgm:pt modelId="{00820A28-2B87-4FEE-A5D8-5CEAEC0A6139}" type="pres">
      <dgm:prSet presAssocID="{F335B28D-A02C-4B05-985D-6E0667132D95}" presName="sibSpaceFour" presStyleCnt="0"/>
      <dgm:spPr/>
    </dgm:pt>
    <dgm:pt modelId="{9E0ED91E-D646-4DD4-A950-A38CC008A31E}" type="pres">
      <dgm:prSet presAssocID="{77FEC885-AAAA-47E3-8442-73A1BEEF0135}" presName="vertFour" presStyleCnt="0">
        <dgm:presLayoutVars>
          <dgm:chPref val="3"/>
        </dgm:presLayoutVars>
      </dgm:prSet>
      <dgm:spPr/>
    </dgm:pt>
    <dgm:pt modelId="{6E0EEA2E-E279-4772-BCD4-92EF9D800130}" type="pres">
      <dgm:prSet presAssocID="{77FEC885-AAAA-47E3-8442-73A1BEEF0135}" presName="txFour" presStyleLbl="node4" presStyleIdx="1" presStyleCnt="8">
        <dgm:presLayoutVars>
          <dgm:chPref val="3"/>
        </dgm:presLayoutVars>
      </dgm:prSet>
      <dgm:spPr/>
    </dgm:pt>
    <dgm:pt modelId="{96A29E85-7317-413A-9CCB-09291E6C2FE4}" type="pres">
      <dgm:prSet presAssocID="{77FEC885-AAAA-47E3-8442-73A1BEEF0135}" presName="horzFour" presStyleCnt="0"/>
      <dgm:spPr/>
    </dgm:pt>
    <dgm:pt modelId="{E275A335-96C4-412F-9805-F2D84D4CADDE}" type="pres">
      <dgm:prSet presAssocID="{93B92557-2B73-4544-ABB7-65CCDC80B34B}" presName="sibSpaceFour" presStyleCnt="0"/>
      <dgm:spPr/>
    </dgm:pt>
    <dgm:pt modelId="{92459B9B-9579-4DB8-83B5-DBDBC04A2A50}" type="pres">
      <dgm:prSet presAssocID="{49F1A2AB-13CC-4382-A93C-3D2D80006298}" presName="vertFour" presStyleCnt="0">
        <dgm:presLayoutVars>
          <dgm:chPref val="3"/>
        </dgm:presLayoutVars>
      </dgm:prSet>
      <dgm:spPr/>
    </dgm:pt>
    <dgm:pt modelId="{23F9A0FF-6ACD-4AF6-8F53-D81F5FDBC8F6}" type="pres">
      <dgm:prSet presAssocID="{49F1A2AB-13CC-4382-A93C-3D2D80006298}" presName="txFour" presStyleLbl="node4" presStyleIdx="2" presStyleCnt="8">
        <dgm:presLayoutVars>
          <dgm:chPref val="3"/>
        </dgm:presLayoutVars>
      </dgm:prSet>
      <dgm:spPr/>
    </dgm:pt>
    <dgm:pt modelId="{3771374D-F4F8-45F2-9865-C228F76DFBE0}" type="pres">
      <dgm:prSet presAssocID="{49F1A2AB-13CC-4382-A93C-3D2D80006298}" presName="horzFour" presStyleCnt="0"/>
      <dgm:spPr/>
    </dgm:pt>
    <dgm:pt modelId="{0FAAC6F1-2B5F-47F8-8441-D3B12260D9B6}" type="pres">
      <dgm:prSet presAssocID="{A60FDAAB-F06D-457F-8C17-10C288075483}" presName="sibSpaceFour" presStyleCnt="0"/>
      <dgm:spPr/>
    </dgm:pt>
    <dgm:pt modelId="{D1D084B5-4E7B-4870-96AD-E1F68080B3EC}" type="pres">
      <dgm:prSet presAssocID="{2103F5FE-79B0-47A2-8E4B-29C6A00E1435}" presName="vertFour" presStyleCnt="0">
        <dgm:presLayoutVars>
          <dgm:chPref val="3"/>
        </dgm:presLayoutVars>
      </dgm:prSet>
      <dgm:spPr/>
    </dgm:pt>
    <dgm:pt modelId="{8B441A54-DE8C-4248-B218-FF9316158D6E}" type="pres">
      <dgm:prSet presAssocID="{2103F5FE-79B0-47A2-8E4B-29C6A00E1435}" presName="txFour" presStyleLbl="node4" presStyleIdx="3" presStyleCnt="8">
        <dgm:presLayoutVars>
          <dgm:chPref val="3"/>
        </dgm:presLayoutVars>
      </dgm:prSet>
      <dgm:spPr/>
    </dgm:pt>
    <dgm:pt modelId="{14A9EC3A-0B2E-46E2-877B-202DB9C9D629}" type="pres">
      <dgm:prSet presAssocID="{2103F5FE-79B0-47A2-8E4B-29C6A00E1435}" presName="horzFour" presStyleCnt="0"/>
      <dgm:spPr/>
    </dgm:pt>
    <dgm:pt modelId="{DFBA6854-DBD7-449D-9FA7-1B07C9E78EDE}" type="pres">
      <dgm:prSet presAssocID="{694C8776-A2FF-4F0A-B6BE-BB6735804E6F}" presName="sibSpaceThree" presStyleCnt="0"/>
      <dgm:spPr/>
    </dgm:pt>
    <dgm:pt modelId="{B14D4313-784E-45BC-B2E4-F02B11DE219C}" type="pres">
      <dgm:prSet presAssocID="{54893158-7CC9-4731-868A-FD5A44EE4B32}" presName="vertThree" presStyleCnt="0"/>
      <dgm:spPr/>
    </dgm:pt>
    <dgm:pt modelId="{5C7885E4-8973-44D3-A97B-5BD711D86F70}" type="pres">
      <dgm:prSet presAssocID="{54893158-7CC9-4731-868A-FD5A44EE4B32}" presName="txThree" presStyleLbl="node3" presStyleIdx="1" presStyleCnt="2">
        <dgm:presLayoutVars>
          <dgm:chPref val="3"/>
        </dgm:presLayoutVars>
      </dgm:prSet>
      <dgm:spPr/>
    </dgm:pt>
    <dgm:pt modelId="{AD27FFDB-8946-45BD-B875-FC06386884BC}" type="pres">
      <dgm:prSet presAssocID="{54893158-7CC9-4731-868A-FD5A44EE4B32}" presName="parTransThree" presStyleCnt="0"/>
      <dgm:spPr/>
    </dgm:pt>
    <dgm:pt modelId="{7201E5F7-7CD9-445D-B047-A1146CE856C1}" type="pres">
      <dgm:prSet presAssocID="{54893158-7CC9-4731-868A-FD5A44EE4B32}" presName="horzThree" presStyleCnt="0"/>
      <dgm:spPr/>
    </dgm:pt>
    <dgm:pt modelId="{5CDF29BD-B195-464E-876E-5F56306687A8}" type="pres">
      <dgm:prSet presAssocID="{FBD5460C-515A-42D0-AB79-D5E7CDF3BD1E}" presName="vertFour" presStyleCnt="0">
        <dgm:presLayoutVars>
          <dgm:chPref val="3"/>
        </dgm:presLayoutVars>
      </dgm:prSet>
      <dgm:spPr/>
    </dgm:pt>
    <dgm:pt modelId="{3676CCDD-3133-4211-A678-23822527FE4E}" type="pres">
      <dgm:prSet presAssocID="{FBD5460C-515A-42D0-AB79-D5E7CDF3BD1E}" presName="txFour" presStyleLbl="node4" presStyleIdx="4" presStyleCnt="8">
        <dgm:presLayoutVars>
          <dgm:chPref val="3"/>
        </dgm:presLayoutVars>
      </dgm:prSet>
      <dgm:spPr/>
    </dgm:pt>
    <dgm:pt modelId="{B440B1BE-EA7A-4503-8EDA-D2E785813850}" type="pres">
      <dgm:prSet presAssocID="{FBD5460C-515A-42D0-AB79-D5E7CDF3BD1E}" presName="parTransFour" presStyleCnt="0"/>
      <dgm:spPr/>
    </dgm:pt>
    <dgm:pt modelId="{8D1BD2CC-EE1E-41D2-A350-3E099AA63047}" type="pres">
      <dgm:prSet presAssocID="{FBD5460C-515A-42D0-AB79-D5E7CDF3BD1E}" presName="horzFour" presStyleCnt="0"/>
      <dgm:spPr/>
    </dgm:pt>
    <dgm:pt modelId="{039BAB26-98E3-4C7A-AD26-3FE14E6CAC97}" type="pres">
      <dgm:prSet presAssocID="{A8631E6F-2183-477C-A010-0327FA61EDBD}" presName="vertFour" presStyleCnt="0">
        <dgm:presLayoutVars>
          <dgm:chPref val="3"/>
        </dgm:presLayoutVars>
      </dgm:prSet>
      <dgm:spPr/>
    </dgm:pt>
    <dgm:pt modelId="{351FA2BF-24D3-49FB-9B62-3C911DC8A204}" type="pres">
      <dgm:prSet presAssocID="{A8631E6F-2183-477C-A010-0327FA61EDBD}" presName="txFour" presStyleLbl="node4" presStyleIdx="5" presStyleCnt="8">
        <dgm:presLayoutVars>
          <dgm:chPref val="3"/>
        </dgm:presLayoutVars>
      </dgm:prSet>
      <dgm:spPr/>
    </dgm:pt>
    <dgm:pt modelId="{FA53C314-AEF9-41CE-B53F-BE4977BDE419}" type="pres">
      <dgm:prSet presAssocID="{A8631E6F-2183-477C-A010-0327FA61EDBD}" presName="horzFour" presStyleCnt="0"/>
      <dgm:spPr/>
    </dgm:pt>
    <dgm:pt modelId="{DA09C46B-B13D-49D3-911F-30CD9D71E21F}" type="pres">
      <dgm:prSet presAssocID="{1D4FEBC7-B578-440A-881D-F70A6E731FC5}" presName="sibSpaceFour" presStyleCnt="0"/>
      <dgm:spPr/>
    </dgm:pt>
    <dgm:pt modelId="{35A0100F-A808-4D3F-AED5-A9C5503C7BC7}" type="pres">
      <dgm:prSet presAssocID="{98AADB10-9608-4309-A415-C839863A92AA}" presName="vertFour" presStyleCnt="0">
        <dgm:presLayoutVars>
          <dgm:chPref val="3"/>
        </dgm:presLayoutVars>
      </dgm:prSet>
      <dgm:spPr/>
    </dgm:pt>
    <dgm:pt modelId="{6749B4CC-B44D-45CF-A00C-A0C4CE47DDDE}" type="pres">
      <dgm:prSet presAssocID="{98AADB10-9608-4309-A415-C839863A92AA}" presName="txFour" presStyleLbl="node4" presStyleIdx="6" presStyleCnt="8">
        <dgm:presLayoutVars>
          <dgm:chPref val="3"/>
        </dgm:presLayoutVars>
      </dgm:prSet>
      <dgm:spPr/>
    </dgm:pt>
    <dgm:pt modelId="{6D290E74-9AE5-4953-9624-4FD1F3E1650D}" type="pres">
      <dgm:prSet presAssocID="{98AADB10-9608-4309-A415-C839863A92AA}" presName="horzFour" presStyleCnt="0"/>
      <dgm:spPr/>
    </dgm:pt>
    <dgm:pt modelId="{CDF48880-6869-4FE6-871D-D8CD69B2F8CE}" type="pres">
      <dgm:prSet presAssocID="{AC183A64-AEF5-42F1-BE05-463B41EE42AE}" presName="sibSpaceFour" presStyleCnt="0"/>
      <dgm:spPr/>
    </dgm:pt>
    <dgm:pt modelId="{C6BE0B91-FC7F-493F-8F01-E0FFFB67036C}" type="pres">
      <dgm:prSet presAssocID="{B30945EF-FC65-4F51-AE93-BB84A05E2B1D}" presName="vertFour" presStyleCnt="0">
        <dgm:presLayoutVars>
          <dgm:chPref val="3"/>
        </dgm:presLayoutVars>
      </dgm:prSet>
      <dgm:spPr/>
    </dgm:pt>
    <dgm:pt modelId="{B188B6C2-02B7-47C7-97E4-A4EEF72C6E80}" type="pres">
      <dgm:prSet presAssocID="{B30945EF-FC65-4F51-AE93-BB84A05E2B1D}" presName="txFour" presStyleLbl="node4" presStyleIdx="7" presStyleCnt="8">
        <dgm:presLayoutVars>
          <dgm:chPref val="3"/>
        </dgm:presLayoutVars>
      </dgm:prSet>
      <dgm:spPr/>
    </dgm:pt>
    <dgm:pt modelId="{CE52DA9B-A873-4063-852C-B41391AD1ABF}" type="pres">
      <dgm:prSet presAssocID="{B30945EF-FC65-4F51-AE93-BB84A05E2B1D}" presName="horzFour" presStyleCnt="0"/>
      <dgm:spPr/>
    </dgm:pt>
  </dgm:ptLst>
  <dgm:cxnLst>
    <dgm:cxn modelId="{FDC46B05-92C8-4EFA-B22D-4740EF3B7A78}" type="presOf" srcId="{B30945EF-FC65-4F51-AE93-BB84A05E2B1D}" destId="{B188B6C2-02B7-47C7-97E4-A4EEF72C6E80}" srcOrd="0" destOrd="0" presId="urn:microsoft.com/office/officeart/2005/8/layout/hierarchy4"/>
    <dgm:cxn modelId="{1D588028-ACC5-4C99-9884-3F428C59B01D}" srcId="{97013598-63A9-4045-B4F2-13BAB5005642}" destId="{49F1A2AB-13CC-4382-A93C-3D2D80006298}" srcOrd="2" destOrd="0" parTransId="{EB56FC64-A191-4721-A8B7-AA31B9E026CC}" sibTransId="{A60FDAAB-F06D-457F-8C17-10C288075483}"/>
    <dgm:cxn modelId="{B75ADF30-0A3C-4094-84E3-DEE965D3E51A}" type="presOf" srcId="{FBD5460C-515A-42D0-AB79-D5E7CDF3BD1E}" destId="{3676CCDD-3133-4211-A678-23822527FE4E}" srcOrd="0" destOrd="0" presId="urn:microsoft.com/office/officeart/2005/8/layout/hierarchy4"/>
    <dgm:cxn modelId="{EC3A643C-7ACC-463E-985E-C47A3CE42F6C}" srcId="{CE04140B-B271-4E27-98C7-77989C4A7B34}" destId="{97013598-63A9-4045-B4F2-13BAB5005642}" srcOrd="0" destOrd="0" parTransId="{C3B87AFD-940D-4D24-AD72-5C5FA0E517EB}" sibTransId="{694C8776-A2FF-4F0A-B6BE-BB6735804E6F}"/>
    <dgm:cxn modelId="{37C8A540-66A1-45A9-BE3D-F61A9594B74B}" type="presOf" srcId="{A8631E6F-2183-477C-A010-0327FA61EDBD}" destId="{351FA2BF-24D3-49FB-9B62-3C911DC8A204}" srcOrd="0" destOrd="0" presId="urn:microsoft.com/office/officeart/2005/8/layout/hierarchy4"/>
    <dgm:cxn modelId="{065A7844-AB24-4BE2-8A15-BB45152F8430}" type="presOf" srcId="{77FEC885-AAAA-47E3-8442-73A1BEEF0135}" destId="{6E0EEA2E-E279-4772-BCD4-92EF9D800130}" srcOrd="0" destOrd="0" presId="urn:microsoft.com/office/officeart/2005/8/layout/hierarchy4"/>
    <dgm:cxn modelId="{BD258565-994B-4180-B756-C014CD207A62}" srcId="{FBD5460C-515A-42D0-AB79-D5E7CDF3BD1E}" destId="{A8631E6F-2183-477C-A010-0327FA61EDBD}" srcOrd="0" destOrd="0" parTransId="{C9A75A90-AD2C-47CD-A7FF-2CB9F9610FBB}" sibTransId="{1D4FEBC7-B578-440A-881D-F70A6E731FC5}"/>
    <dgm:cxn modelId="{9E859B47-D0F6-4489-9C0F-EF99771ED719}" type="presOf" srcId="{54893158-7CC9-4731-868A-FD5A44EE4B32}" destId="{5C7885E4-8973-44D3-A97B-5BD711D86F70}" srcOrd="0" destOrd="0" presId="urn:microsoft.com/office/officeart/2005/8/layout/hierarchy4"/>
    <dgm:cxn modelId="{A7A3A74A-D334-49DD-AE9F-A824AC8B5422}" srcId="{97013598-63A9-4045-B4F2-13BAB5005642}" destId="{2103F5FE-79B0-47A2-8E4B-29C6A00E1435}" srcOrd="3" destOrd="0" parTransId="{6C1D727E-AAEA-4248-B52E-C461405C7633}" sibTransId="{FF5A9F0F-C357-474B-B217-1518F9FF925E}"/>
    <dgm:cxn modelId="{7F6C7170-77B4-43D3-AB94-6B7CDDDA74D5}" srcId="{FBD5460C-515A-42D0-AB79-D5E7CDF3BD1E}" destId="{B30945EF-FC65-4F51-AE93-BB84A05E2B1D}" srcOrd="2" destOrd="0" parTransId="{59A58420-8347-44AE-8778-AD2D796FA2E0}" sibTransId="{20E8573F-10B0-4193-A77C-4D73EA581570}"/>
    <dgm:cxn modelId="{2647AC75-E7F1-45D2-931D-D5F4BCC7CC40}" srcId="{5F205167-8F2D-40AD-98A5-C29DBF923554}" destId="{CE04140B-B271-4E27-98C7-77989C4A7B34}" srcOrd="0" destOrd="0" parTransId="{EF75F78D-1BD1-4C73-A3CA-372CE1784BCA}" sibTransId="{1A92886D-734E-4755-99D8-6E393C72C637}"/>
    <dgm:cxn modelId="{366F3759-ABED-4E31-8CDB-9C603D2DF9DA}" type="presOf" srcId="{98AADB10-9608-4309-A415-C839863A92AA}" destId="{6749B4CC-B44D-45CF-A00C-A0C4CE47DDDE}" srcOrd="0" destOrd="0" presId="urn:microsoft.com/office/officeart/2005/8/layout/hierarchy4"/>
    <dgm:cxn modelId="{59149559-EC01-4C0A-8A13-6E1EA6E3F4E8}" type="presOf" srcId="{04331996-5296-497B-B00E-A95BD1D771E5}" destId="{FE79A713-A148-4A02-AC57-C85C95BEE752}" srcOrd="0" destOrd="0" presId="urn:microsoft.com/office/officeart/2005/8/layout/hierarchy4"/>
    <dgm:cxn modelId="{149DFD8D-4FD8-4E00-8D88-4521FB3999C9}" type="presOf" srcId="{2103F5FE-79B0-47A2-8E4B-29C6A00E1435}" destId="{8B441A54-DE8C-4248-B218-FF9316158D6E}" srcOrd="0" destOrd="0" presId="urn:microsoft.com/office/officeart/2005/8/layout/hierarchy4"/>
    <dgm:cxn modelId="{FEB6FF8D-770F-4FC8-BAC4-1B8AED7E2EC2}" type="presOf" srcId="{49F1A2AB-13CC-4382-A93C-3D2D80006298}" destId="{23F9A0FF-6ACD-4AF6-8F53-D81F5FDBC8F6}" srcOrd="0" destOrd="0" presId="urn:microsoft.com/office/officeart/2005/8/layout/hierarchy4"/>
    <dgm:cxn modelId="{F4EB9B98-4743-4A6C-AA4A-6710E86BBC51}" type="presOf" srcId="{CE04140B-B271-4E27-98C7-77989C4A7B34}" destId="{680A2588-9F34-4FBC-B280-EB1A08F92590}" srcOrd="0" destOrd="0" presId="urn:microsoft.com/office/officeart/2005/8/layout/hierarchy4"/>
    <dgm:cxn modelId="{21BB719F-BA82-4372-A945-0BA5DA0BA259}" srcId="{FBD5460C-515A-42D0-AB79-D5E7CDF3BD1E}" destId="{98AADB10-9608-4309-A415-C839863A92AA}" srcOrd="1" destOrd="0" parTransId="{CEE109F6-123A-4FF9-BA44-EC5D742B02D9}" sibTransId="{AC183A64-AEF5-42F1-BE05-463B41EE42AE}"/>
    <dgm:cxn modelId="{BF89F2B2-B72D-491D-92BB-06E1AC618597}" srcId="{CE04140B-B271-4E27-98C7-77989C4A7B34}" destId="{54893158-7CC9-4731-868A-FD5A44EE4B32}" srcOrd="1" destOrd="0" parTransId="{06134594-72C3-42ED-8BA8-87204D0AE78D}" sibTransId="{9BE020AB-4323-4316-BFD6-1B12E9617259}"/>
    <dgm:cxn modelId="{100933B7-EF65-4AD9-B67B-5DAF2E35B8D6}" type="presOf" srcId="{2382C589-DCBD-41A2-804A-C08BF9D7FD27}" destId="{21D0B0F4-C8E8-4450-9921-9771E95E19BE}" srcOrd="0" destOrd="0" presId="urn:microsoft.com/office/officeart/2005/8/layout/hierarchy4"/>
    <dgm:cxn modelId="{33424ACF-A379-4EA8-97A7-4F1E82F78D3D}" srcId="{54893158-7CC9-4731-868A-FD5A44EE4B32}" destId="{FBD5460C-515A-42D0-AB79-D5E7CDF3BD1E}" srcOrd="0" destOrd="0" parTransId="{977CB01A-09AE-4528-86E8-FEEE9260D119}" sibTransId="{88095685-E708-45B0-AC7D-7901F27D9B35}"/>
    <dgm:cxn modelId="{CF65D5D4-75E0-41AB-85A9-ACE5E3792936}" srcId="{97013598-63A9-4045-B4F2-13BAB5005642}" destId="{77FEC885-AAAA-47E3-8442-73A1BEEF0135}" srcOrd="1" destOrd="0" parTransId="{0AB70617-534A-4F14-91A8-D4261D953D93}" sibTransId="{93B92557-2B73-4544-ABB7-65CCDC80B34B}"/>
    <dgm:cxn modelId="{21CD18D7-9F41-4819-8D98-67FA131EFCCC}" type="presOf" srcId="{97013598-63A9-4045-B4F2-13BAB5005642}" destId="{4A053949-ADBA-4221-A87B-98330D0FA4A9}" srcOrd="0" destOrd="0" presId="urn:microsoft.com/office/officeart/2005/8/layout/hierarchy4"/>
    <dgm:cxn modelId="{0CA00EE1-9D3C-4154-9B17-66A8412D6CE5}" srcId="{2382C589-DCBD-41A2-804A-C08BF9D7FD27}" destId="{5F205167-8F2D-40AD-98A5-C29DBF923554}" srcOrd="0" destOrd="0" parTransId="{FAA8FF55-106F-45BF-A101-AADF5F92B45E}" sibTransId="{C0A7DCCA-2BF0-4758-8871-254F2F92DDCC}"/>
    <dgm:cxn modelId="{1A2E1FF1-F5EB-4670-A6EC-76E415A1F180}" srcId="{97013598-63A9-4045-B4F2-13BAB5005642}" destId="{04331996-5296-497B-B00E-A95BD1D771E5}" srcOrd="0" destOrd="0" parTransId="{DD5BB524-E7FA-4418-B82F-BB11DED2BFB6}" sibTransId="{F335B28D-A02C-4B05-985D-6E0667132D95}"/>
    <dgm:cxn modelId="{716FC5F3-406D-4DF9-B721-46BEA80333AE}" type="presOf" srcId="{5F205167-8F2D-40AD-98A5-C29DBF923554}" destId="{B149A9AB-F220-4BD9-9195-50A6B5D9E55C}" srcOrd="0" destOrd="0" presId="urn:microsoft.com/office/officeart/2005/8/layout/hierarchy4"/>
    <dgm:cxn modelId="{F304FFC2-EADA-420E-B583-73AC322192E4}" type="presParOf" srcId="{21D0B0F4-C8E8-4450-9921-9771E95E19BE}" destId="{2039D19E-C448-4195-A7F5-E9F857AFC766}" srcOrd="0" destOrd="0" presId="urn:microsoft.com/office/officeart/2005/8/layout/hierarchy4"/>
    <dgm:cxn modelId="{2D4DB6DF-3697-4D06-B61F-61E48565ECA1}" type="presParOf" srcId="{2039D19E-C448-4195-A7F5-E9F857AFC766}" destId="{B149A9AB-F220-4BD9-9195-50A6B5D9E55C}" srcOrd="0" destOrd="0" presId="urn:microsoft.com/office/officeart/2005/8/layout/hierarchy4"/>
    <dgm:cxn modelId="{8962B660-72C0-425B-B471-339E7BFD8086}" type="presParOf" srcId="{2039D19E-C448-4195-A7F5-E9F857AFC766}" destId="{DF50CBA2-81D5-479B-9C04-899B93349612}" srcOrd="1" destOrd="0" presId="urn:microsoft.com/office/officeart/2005/8/layout/hierarchy4"/>
    <dgm:cxn modelId="{6F3404B5-FBD7-4F80-B6B3-9A8BADB306A5}" type="presParOf" srcId="{2039D19E-C448-4195-A7F5-E9F857AFC766}" destId="{B58BD547-4883-4074-8182-19D8F7D7BC1A}" srcOrd="2" destOrd="0" presId="urn:microsoft.com/office/officeart/2005/8/layout/hierarchy4"/>
    <dgm:cxn modelId="{EED2ED74-B5A5-4051-B02A-64226CC997B0}" type="presParOf" srcId="{B58BD547-4883-4074-8182-19D8F7D7BC1A}" destId="{2130562D-BCC0-488C-B4BD-39DFFBE10ED4}" srcOrd="0" destOrd="0" presId="urn:microsoft.com/office/officeart/2005/8/layout/hierarchy4"/>
    <dgm:cxn modelId="{EDDA964C-8D86-4985-BD7A-CF499B93BB81}" type="presParOf" srcId="{2130562D-BCC0-488C-B4BD-39DFFBE10ED4}" destId="{680A2588-9F34-4FBC-B280-EB1A08F92590}" srcOrd="0" destOrd="0" presId="urn:microsoft.com/office/officeart/2005/8/layout/hierarchy4"/>
    <dgm:cxn modelId="{DD8E2DF8-FBBC-4454-9174-DE1BDE0A7425}" type="presParOf" srcId="{2130562D-BCC0-488C-B4BD-39DFFBE10ED4}" destId="{ACF59989-E052-41FE-A782-F5972420FED3}" srcOrd="1" destOrd="0" presId="urn:microsoft.com/office/officeart/2005/8/layout/hierarchy4"/>
    <dgm:cxn modelId="{65591E89-EC7B-488C-8495-C4F63FECE091}" type="presParOf" srcId="{2130562D-BCC0-488C-B4BD-39DFFBE10ED4}" destId="{A3367590-2617-4966-A4D9-85122433ED92}" srcOrd="2" destOrd="0" presId="urn:microsoft.com/office/officeart/2005/8/layout/hierarchy4"/>
    <dgm:cxn modelId="{F7BA3D0E-119D-4D6A-B78B-3929F80724A4}" type="presParOf" srcId="{A3367590-2617-4966-A4D9-85122433ED92}" destId="{074C15A8-642A-448A-8B06-168D3047D063}" srcOrd="0" destOrd="0" presId="urn:microsoft.com/office/officeart/2005/8/layout/hierarchy4"/>
    <dgm:cxn modelId="{BBB9E012-F799-42C1-B76A-02769F735560}" type="presParOf" srcId="{074C15A8-642A-448A-8B06-168D3047D063}" destId="{4A053949-ADBA-4221-A87B-98330D0FA4A9}" srcOrd="0" destOrd="0" presId="urn:microsoft.com/office/officeart/2005/8/layout/hierarchy4"/>
    <dgm:cxn modelId="{8AD987ED-BFF8-43DD-BC32-7785D92FF024}" type="presParOf" srcId="{074C15A8-642A-448A-8B06-168D3047D063}" destId="{2D9B15CA-FD45-43FC-B672-61FA19AEA97E}" srcOrd="1" destOrd="0" presId="urn:microsoft.com/office/officeart/2005/8/layout/hierarchy4"/>
    <dgm:cxn modelId="{56034220-ADD1-42D5-8C70-986E2FFB05C0}" type="presParOf" srcId="{074C15A8-642A-448A-8B06-168D3047D063}" destId="{6E90CE79-D85B-43D1-AB1C-F60D60734A32}" srcOrd="2" destOrd="0" presId="urn:microsoft.com/office/officeart/2005/8/layout/hierarchy4"/>
    <dgm:cxn modelId="{6F8288AC-198B-4865-A377-FB01AF898BAB}" type="presParOf" srcId="{6E90CE79-D85B-43D1-AB1C-F60D60734A32}" destId="{2CDFC8BF-E8CA-4BA6-84C0-143F0AF5421D}" srcOrd="0" destOrd="0" presId="urn:microsoft.com/office/officeart/2005/8/layout/hierarchy4"/>
    <dgm:cxn modelId="{1E9B5292-5125-4A37-95C5-CFD7E13FF08D}" type="presParOf" srcId="{2CDFC8BF-E8CA-4BA6-84C0-143F0AF5421D}" destId="{FE79A713-A148-4A02-AC57-C85C95BEE752}" srcOrd="0" destOrd="0" presId="urn:microsoft.com/office/officeart/2005/8/layout/hierarchy4"/>
    <dgm:cxn modelId="{4F30795B-6D2E-4348-B57B-F812C13CEE73}" type="presParOf" srcId="{2CDFC8BF-E8CA-4BA6-84C0-143F0AF5421D}" destId="{4345DBD5-7A3A-4E9A-9FC9-DAB11716B76F}" srcOrd="1" destOrd="0" presId="urn:microsoft.com/office/officeart/2005/8/layout/hierarchy4"/>
    <dgm:cxn modelId="{A4D5A408-2CE2-4EB6-8888-020D83C720D5}" type="presParOf" srcId="{6E90CE79-D85B-43D1-AB1C-F60D60734A32}" destId="{00820A28-2B87-4FEE-A5D8-5CEAEC0A6139}" srcOrd="1" destOrd="0" presId="urn:microsoft.com/office/officeart/2005/8/layout/hierarchy4"/>
    <dgm:cxn modelId="{4A34CF00-DB53-4979-A8C5-1F1D40D56310}" type="presParOf" srcId="{6E90CE79-D85B-43D1-AB1C-F60D60734A32}" destId="{9E0ED91E-D646-4DD4-A950-A38CC008A31E}" srcOrd="2" destOrd="0" presId="urn:microsoft.com/office/officeart/2005/8/layout/hierarchy4"/>
    <dgm:cxn modelId="{C127D83C-4B98-4E9E-9CAB-1B07F29757A8}" type="presParOf" srcId="{9E0ED91E-D646-4DD4-A950-A38CC008A31E}" destId="{6E0EEA2E-E279-4772-BCD4-92EF9D800130}" srcOrd="0" destOrd="0" presId="urn:microsoft.com/office/officeart/2005/8/layout/hierarchy4"/>
    <dgm:cxn modelId="{361B0282-2E9E-4D7F-85B5-6A23F794DDFF}" type="presParOf" srcId="{9E0ED91E-D646-4DD4-A950-A38CC008A31E}" destId="{96A29E85-7317-413A-9CCB-09291E6C2FE4}" srcOrd="1" destOrd="0" presId="urn:microsoft.com/office/officeart/2005/8/layout/hierarchy4"/>
    <dgm:cxn modelId="{07066FC3-3025-4E02-85ED-70F2B2B0074F}" type="presParOf" srcId="{6E90CE79-D85B-43D1-AB1C-F60D60734A32}" destId="{E275A335-96C4-412F-9805-F2D84D4CADDE}" srcOrd="3" destOrd="0" presId="urn:microsoft.com/office/officeart/2005/8/layout/hierarchy4"/>
    <dgm:cxn modelId="{5781AB7F-2C6B-463E-9209-C626B377AF5C}" type="presParOf" srcId="{6E90CE79-D85B-43D1-AB1C-F60D60734A32}" destId="{92459B9B-9579-4DB8-83B5-DBDBC04A2A50}" srcOrd="4" destOrd="0" presId="urn:microsoft.com/office/officeart/2005/8/layout/hierarchy4"/>
    <dgm:cxn modelId="{A82B11D1-1F4A-4275-8E3A-186A79020DB1}" type="presParOf" srcId="{92459B9B-9579-4DB8-83B5-DBDBC04A2A50}" destId="{23F9A0FF-6ACD-4AF6-8F53-D81F5FDBC8F6}" srcOrd="0" destOrd="0" presId="urn:microsoft.com/office/officeart/2005/8/layout/hierarchy4"/>
    <dgm:cxn modelId="{DA8E9EA0-3534-49AC-AAD3-8A31921AE95F}" type="presParOf" srcId="{92459B9B-9579-4DB8-83B5-DBDBC04A2A50}" destId="{3771374D-F4F8-45F2-9865-C228F76DFBE0}" srcOrd="1" destOrd="0" presId="urn:microsoft.com/office/officeart/2005/8/layout/hierarchy4"/>
    <dgm:cxn modelId="{DB190983-EC74-4055-9815-272A6367FF46}" type="presParOf" srcId="{6E90CE79-D85B-43D1-AB1C-F60D60734A32}" destId="{0FAAC6F1-2B5F-47F8-8441-D3B12260D9B6}" srcOrd="5" destOrd="0" presId="urn:microsoft.com/office/officeart/2005/8/layout/hierarchy4"/>
    <dgm:cxn modelId="{E0F6600B-6761-416B-B256-56BBDD74BA76}" type="presParOf" srcId="{6E90CE79-D85B-43D1-AB1C-F60D60734A32}" destId="{D1D084B5-4E7B-4870-96AD-E1F68080B3EC}" srcOrd="6" destOrd="0" presId="urn:microsoft.com/office/officeart/2005/8/layout/hierarchy4"/>
    <dgm:cxn modelId="{440BCCA9-044A-42E1-BF8F-4AFF3845B68D}" type="presParOf" srcId="{D1D084B5-4E7B-4870-96AD-E1F68080B3EC}" destId="{8B441A54-DE8C-4248-B218-FF9316158D6E}" srcOrd="0" destOrd="0" presId="urn:microsoft.com/office/officeart/2005/8/layout/hierarchy4"/>
    <dgm:cxn modelId="{B3090E3B-00F4-456A-BA2C-45A46F69FFE3}" type="presParOf" srcId="{D1D084B5-4E7B-4870-96AD-E1F68080B3EC}" destId="{14A9EC3A-0B2E-46E2-877B-202DB9C9D629}" srcOrd="1" destOrd="0" presId="urn:microsoft.com/office/officeart/2005/8/layout/hierarchy4"/>
    <dgm:cxn modelId="{1DC726C8-DF2F-472F-96D0-FB1C9461ACDC}" type="presParOf" srcId="{A3367590-2617-4966-A4D9-85122433ED92}" destId="{DFBA6854-DBD7-449D-9FA7-1B07C9E78EDE}" srcOrd="1" destOrd="0" presId="urn:microsoft.com/office/officeart/2005/8/layout/hierarchy4"/>
    <dgm:cxn modelId="{0A3AA749-9B1D-420F-802B-8EF44F570637}" type="presParOf" srcId="{A3367590-2617-4966-A4D9-85122433ED92}" destId="{B14D4313-784E-45BC-B2E4-F02B11DE219C}" srcOrd="2" destOrd="0" presId="urn:microsoft.com/office/officeart/2005/8/layout/hierarchy4"/>
    <dgm:cxn modelId="{43F9015B-8C75-4D3E-AD60-D829014806E2}" type="presParOf" srcId="{B14D4313-784E-45BC-B2E4-F02B11DE219C}" destId="{5C7885E4-8973-44D3-A97B-5BD711D86F70}" srcOrd="0" destOrd="0" presId="urn:microsoft.com/office/officeart/2005/8/layout/hierarchy4"/>
    <dgm:cxn modelId="{79AA7915-90A9-4F52-A9DD-680730BD7F70}" type="presParOf" srcId="{B14D4313-784E-45BC-B2E4-F02B11DE219C}" destId="{AD27FFDB-8946-45BD-B875-FC06386884BC}" srcOrd="1" destOrd="0" presId="urn:microsoft.com/office/officeart/2005/8/layout/hierarchy4"/>
    <dgm:cxn modelId="{5C8A3565-C885-4770-BA09-2A0AD41A09C3}" type="presParOf" srcId="{B14D4313-784E-45BC-B2E4-F02B11DE219C}" destId="{7201E5F7-7CD9-445D-B047-A1146CE856C1}" srcOrd="2" destOrd="0" presId="urn:microsoft.com/office/officeart/2005/8/layout/hierarchy4"/>
    <dgm:cxn modelId="{D2D685D4-16E8-4CD9-9935-30F3BBBA0FE8}" type="presParOf" srcId="{7201E5F7-7CD9-445D-B047-A1146CE856C1}" destId="{5CDF29BD-B195-464E-876E-5F56306687A8}" srcOrd="0" destOrd="0" presId="urn:microsoft.com/office/officeart/2005/8/layout/hierarchy4"/>
    <dgm:cxn modelId="{6CAB90F1-DD07-46DC-9014-D3B5B8A5BC6E}" type="presParOf" srcId="{5CDF29BD-B195-464E-876E-5F56306687A8}" destId="{3676CCDD-3133-4211-A678-23822527FE4E}" srcOrd="0" destOrd="0" presId="urn:microsoft.com/office/officeart/2005/8/layout/hierarchy4"/>
    <dgm:cxn modelId="{9848A439-1A1C-4392-8BAF-6AC888AD3E1A}" type="presParOf" srcId="{5CDF29BD-B195-464E-876E-5F56306687A8}" destId="{B440B1BE-EA7A-4503-8EDA-D2E785813850}" srcOrd="1" destOrd="0" presId="urn:microsoft.com/office/officeart/2005/8/layout/hierarchy4"/>
    <dgm:cxn modelId="{BF78791F-3D26-4C21-A1F9-794DE380AEBD}" type="presParOf" srcId="{5CDF29BD-B195-464E-876E-5F56306687A8}" destId="{8D1BD2CC-EE1E-41D2-A350-3E099AA63047}" srcOrd="2" destOrd="0" presId="urn:microsoft.com/office/officeart/2005/8/layout/hierarchy4"/>
    <dgm:cxn modelId="{D9BEF9ED-0027-4403-9943-E1BF224978BF}" type="presParOf" srcId="{8D1BD2CC-EE1E-41D2-A350-3E099AA63047}" destId="{039BAB26-98E3-4C7A-AD26-3FE14E6CAC97}" srcOrd="0" destOrd="0" presId="urn:microsoft.com/office/officeart/2005/8/layout/hierarchy4"/>
    <dgm:cxn modelId="{B0FF00D0-0D8A-48F3-9691-05D58A856AC8}" type="presParOf" srcId="{039BAB26-98E3-4C7A-AD26-3FE14E6CAC97}" destId="{351FA2BF-24D3-49FB-9B62-3C911DC8A204}" srcOrd="0" destOrd="0" presId="urn:microsoft.com/office/officeart/2005/8/layout/hierarchy4"/>
    <dgm:cxn modelId="{934A7EFD-A8AF-45BC-A274-889AEF2D9647}" type="presParOf" srcId="{039BAB26-98E3-4C7A-AD26-3FE14E6CAC97}" destId="{FA53C314-AEF9-41CE-B53F-BE4977BDE419}" srcOrd="1" destOrd="0" presId="urn:microsoft.com/office/officeart/2005/8/layout/hierarchy4"/>
    <dgm:cxn modelId="{8A09DC6F-0ED2-486A-9C23-6009661D8B01}" type="presParOf" srcId="{8D1BD2CC-EE1E-41D2-A350-3E099AA63047}" destId="{DA09C46B-B13D-49D3-911F-30CD9D71E21F}" srcOrd="1" destOrd="0" presId="urn:microsoft.com/office/officeart/2005/8/layout/hierarchy4"/>
    <dgm:cxn modelId="{51B2F9DF-509C-461F-B0BD-204F5AB6EDF2}" type="presParOf" srcId="{8D1BD2CC-EE1E-41D2-A350-3E099AA63047}" destId="{35A0100F-A808-4D3F-AED5-A9C5503C7BC7}" srcOrd="2" destOrd="0" presId="urn:microsoft.com/office/officeart/2005/8/layout/hierarchy4"/>
    <dgm:cxn modelId="{B6512B38-A665-45C4-8E1C-D62EA7894914}" type="presParOf" srcId="{35A0100F-A808-4D3F-AED5-A9C5503C7BC7}" destId="{6749B4CC-B44D-45CF-A00C-A0C4CE47DDDE}" srcOrd="0" destOrd="0" presId="urn:microsoft.com/office/officeart/2005/8/layout/hierarchy4"/>
    <dgm:cxn modelId="{7DDF10BC-AA95-4D6A-AA0B-54C07C2E2D9C}" type="presParOf" srcId="{35A0100F-A808-4D3F-AED5-A9C5503C7BC7}" destId="{6D290E74-9AE5-4953-9624-4FD1F3E1650D}" srcOrd="1" destOrd="0" presId="urn:microsoft.com/office/officeart/2005/8/layout/hierarchy4"/>
    <dgm:cxn modelId="{CCC15800-3B5E-41F1-9F7C-2506470D583E}" type="presParOf" srcId="{8D1BD2CC-EE1E-41D2-A350-3E099AA63047}" destId="{CDF48880-6869-4FE6-871D-D8CD69B2F8CE}" srcOrd="3" destOrd="0" presId="urn:microsoft.com/office/officeart/2005/8/layout/hierarchy4"/>
    <dgm:cxn modelId="{09F443EE-1A7E-424A-861C-D57E7B6DAE0F}" type="presParOf" srcId="{8D1BD2CC-EE1E-41D2-A350-3E099AA63047}" destId="{C6BE0B91-FC7F-493F-8F01-E0FFFB67036C}" srcOrd="4" destOrd="0" presId="urn:microsoft.com/office/officeart/2005/8/layout/hierarchy4"/>
    <dgm:cxn modelId="{ED85601B-5458-496D-A0D9-50E3406B4744}" type="presParOf" srcId="{C6BE0B91-FC7F-493F-8F01-E0FFFB67036C}" destId="{B188B6C2-02B7-47C7-97E4-A4EEF72C6E80}" srcOrd="0" destOrd="0" presId="urn:microsoft.com/office/officeart/2005/8/layout/hierarchy4"/>
    <dgm:cxn modelId="{758AE617-F544-42D0-A8F3-98BF9F6961FD}" type="presParOf" srcId="{C6BE0B91-FC7F-493F-8F01-E0FFFB67036C}" destId="{CE52DA9B-A873-4063-852C-B41391AD1ABF}" srcOrd="1" destOrd="0" presId="urn:microsoft.com/office/officeart/2005/8/layout/hierarchy4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1.xml><?xml version="1.0" encoding="utf-8"?>
<dgm:dataModel xmlns:dgm="http://schemas.openxmlformats.org/drawingml/2006/diagram" xmlns:a="http://schemas.openxmlformats.org/drawingml/2006/main">
  <dgm:ptLst>
    <dgm:pt modelId="{B31D6EA2-CDCE-47B4-9A54-1FDC517E9266}" type="doc">
      <dgm:prSet loTypeId="urn:microsoft.com/office/officeart/2005/8/layout/hProcess10" loCatId="picture" qsTypeId="urn:microsoft.com/office/officeart/2005/8/quickstyle/simple1" qsCatId="simple" csTypeId="urn:microsoft.com/office/officeart/2005/8/colors/colorful1" csCatId="colorful" phldr="1"/>
      <dgm:spPr/>
    </dgm:pt>
    <dgm:pt modelId="{8FF0CBC6-AF78-4426-96F8-7AFF283ACF04}">
      <dgm:prSet phldrT="[Text]"/>
      <dgm:spPr/>
      <dgm:t>
        <a:bodyPr/>
        <a:lstStyle/>
        <a:p>
          <a:r>
            <a:rPr lang="en-US"/>
            <a:t>Photoresist coating</a:t>
          </a:r>
          <a:endParaRPr lang="LID4096"/>
        </a:p>
      </dgm:t>
    </dgm:pt>
    <dgm:pt modelId="{2BBC0DD2-BAEF-457D-B93D-FC2062B86145}" type="parTrans" cxnId="{24C94830-DF17-4F03-8353-7B1D3FA7DD6C}">
      <dgm:prSet/>
      <dgm:spPr/>
      <dgm:t>
        <a:bodyPr/>
        <a:lstStyle/>
        <a:p>
          <a:endParaRPr lang="LID4096"/>
        </a:p>
      </dgm:t>
    </dgm:pt>
    <dgm:pt modelId="{BB220681-809F-4FA5-B636-DB39345C5ED0}" type="sibTrans" cxnId="{24C94830-DF17-4F03-8353-7B1D3FA7DD6C}">
      <dgm:prSet/>
      <dgm:spPr/>
      <dgm:t>
        <a:bodyPr/>
        <a:lstStyle/>
        <a:p>
          <a:endParaRPr lang="LID4096"/>
        </a:p>
      </dgm:t>
    </dgm:pt>
    <dgm:pt modelId="{F1F479B2-AC41-42A5-A3CE-3AFD4A5AD571}">
      <dgm:prSet phldrT="[Text]"/>
      <dgm:spPr/>
      <dgm:t>
        <a:bodyPr/>
        <a:lstStyle/>
        <a:p>
          <a:r>
            <a:rPr lang="en-US"/>
            <a:t>Mask aligment</a:t>
          </a:r>
          <a:endParaRPr lang="LID4096"/>
        </a:p>
      </dgm:t>
    </dgm:pt>
    <dgm:pt modelId="{103A169B-6875-478E-95B2-AE0B4ACF1BB9}" type="parTrans" cxnId="{65D3725C-45B5-4FDA-AB37-007DFF039E91}">
      <dgm:prSet/>
      <dgm:spPr/>
      <dgm:t>
        <a:bodyPr/>
        <a:lstStyle/>
        <a:p>
          <a:endParaRPr lang="LID4096"/>
        </a:p>
      </dgm:t>
    </dgm:pt>
    <dgm:pt modelId="{9263A1B5-DF6C-4EC4-B4A3-0EB8E87181D5}" type="sibTrans" cxnId="{65D3725C-45B5-4FDA-AB37-007DFF039E91}">
      <dgm:prSet/>
      <dgm:spPr/>
      <dgm:t>
        <a:bodyPr/>
        <a:lstStyle/>
        <a:p>
          <a:endParaRPr lang="LID4096"/>
        </a:p>
      </dgm:t>
    </dgm:pt>
    <dgm:pt modelId="{3063D901-499B-4038-8EC4-36F9F4FC22FB}">
      <dgm:prSet phldrT="[Text]"/>
      <dgm:spPr/>
      <dgm:t>
        <a:bodyPr/>
        <a:lstStyle/>
        <a:p>
          <a:r>
            <a:rPr lang="en-US"/>
            <a:t>UV exposure</a:t>
          </a:r>
          <a:endParaRPr lang="LID4096"/>
        </a:p>
      </dgm:t>
    </dgm:pt>
    <dgm:pt modelId="{4327685E-39AF-4954-9292-DB0F89141005}" type="parTrans" cxnId="{0173D58C-2108-43B0-B09C-1EEE30598994}">
      <dgm:prSet/>
      <dgm:spPr/>
      <dgm:t>
        <a:bodyPr/>
        <a:lstStyle/>
        <a:p>
          <a:endParaRPr lang="LID4096"/>
        </a:p>
      </dgm:t>
    </dgm:pt>
    <dgm:pt modelId="{1284BB28-0122-43E4-BF7B-7E4F6DF9C222}" type="sibTrans" cxnId="{0173D58C-2108-43B0-B09C-1EEE30598994}">
      <dgm:prSet/>
      <dgm:spPr/>
      <dgm:t>
        <a:bodyPr/>
        <a:lstStyle/>
        <a:p>
          <a:endParaRPr lang="LID4096"/>
        </a:p>
      </dgm:t>
    </dgm:pt>
    <dgm:pt modelId="{DF0CB57C-DD52-4755-9563-09570CBC0720}">
      <dgm:prSet phldrT="[Text]"/>
      <dgm:spPr/>
      <dgm:t>
        <a:bodyPr/>
        <a:lstStyle/>
        <a:p>
          <a:r>
            <a:rPr lang="en-US"/>
            <a:t>Development</a:t>
          </a:r>
          <a:endParaRPr lang="LID4096"/>
        </a:p>
      </dgm:t>
    </dgm:pt>
    <dgm:pt modelId="{E6696DAC-CEBD-450F-8B18-C3D7614DC9A4}" type="parTrans" cxnId="{3F623721-6847-446F-8646-41A7C2E747E5}">
      <dgm:prSet/>
      <dgm:spPr/>
      <dgm:t>
        <a:bodyPr/>
        <a:lstStyle/>
        <a:p>
          <a:endParaRPr lang="LID4096"/>
        </a:p>
      </dgm:t>
    </dgm:pt>
    <dgm:pt modelId="{F58CB35B-F264-44C1-A3D0-BE6E0BE1BED9}" type="sibTrans" cxnId="{3F623721-6847-446F-8646-41A7C2E747E5}">
      <dgm:prSet/>
      <dgm:spPr/>
      <dgm:t>
        <a:bodyPr/>
        <a:lstStyle/>
        <a:p>
          <a:endParaRPr lang="LID4096"/>
        </a:p>
      </dgm:t>
    </dgm:pt>
    <dgm:pt modelId="{244DDCA8-A3F8-44A3-8C5E-9D924844EB11}">
      <dgm:prSet phldrT="[Text]"/>
      <dgm:spPr/>
      <dgm:t>
        <a:bodyPr/>
        <a:lstStyle/>
        <a:p>
          <a:r>
            <a:rPr lang="en-US"/>
            <a:t>Processed wafer</a:t>
          </a:r>
          <a:endParaRPr lang="LID4096"/>
        </a:p>
      </dgm:t>
    </dgm:pt>
    <dgm:pt modelId="{66A061D0-61FD-4CB8-B3A2-6E67B2181601}" type="parTrans" cxnId="{87F3DB75-433D-4094-AA7B-13F768D290E5}">
      <dgm:prSet/>
      <dgm:spPr/>
      <dgm:t>
        <a:bodyPr/>
        <a:lstStyle/>
        <a:p>
          <a:endParaRPr lang="LID4096"/>
        </a:p>
      </dgm:t>
    </dgm:pt>
    <dgm:pt modelId="{B30F8E83-C7AB-461A-9F3C-5335C113E159}" type="sibTrans" cxnId="{87F3DB75-433D-4094-AA7B-13F768D290E5}">
      <dgm:prSet/>
      <dgm:spPr/>
      <dgm:t>
        <a:bodyPr/>
        <a:lstStyle/>
        <a:p>
          <a:endParaRPr lang="LID4096"/>
        </a:p>
      </dgm:t>
    </dgm:pt>
    <dgm:pt modelId="{B59A2C68-0844-4B3A-8D73-1E5812F66708}" type="pres">
      <dgm:prSet presAssocID="{B31D6EA2-CDCE-47B4-9A54-1FDC517E9266}" presName="Name0" presStyleCnt="0">
        <dgm:presLayoutVars>
          <dgm:dir/>
          <dgm:resizeHandles val="exact"/>
        </dgm:presLayoutVars>
      </dgm:prSet>
      <dgm:spPr/>
    </dgm:pt>
    <dgm:pt modelId="{B74E0526-A882-4655-8B4B-3E5CB611BACD}" type="pres">
      <dgm:prSet presAssocID="{8FF0CBC6-AF78-4426-96F8-7AFF283ACF04}" presName="composite" presStyleCnt="0"/>
      <dgm:spPr/>
    </dgm:pt>
    <dgm:pt modelId="{739BCA62-2F9F-4C9F-B0BD-D1C9272D34F3}" type="pres">
      <dgm:prSet presAssocID="{8FF0CBC6-AF78-4426-96F8-7AFF283ACF04}" presName="imagSh" presStyleLbl="bgImgPlace1" presStyleIdx="0" presStyleCnt="5"/>
      <dgm:spPr>
        <a:blipFill rotWithShape="1">
          <a:blip xmlns:r="http://schemas.openxmlformats.org/officeDocument/2006/relationships" r:embed="rId1"/>
          <a:srcRect/>
          <a:stretch>
            <a:fillRect l="-17000" r="-17000"/>
          </a:stretch>
        </a:blipFill>
      </dgm:spPr>
    </dgm:pt>
    <dgm:pt modelId="{7D9CED71-6D34-4951-A1AB-38B67FF06FD5}" type="pres">
      <dgm:prSet presAssocID="{8FF0CBC6-AF78-4426-96F8-7AFF283ACF04}" presName="txNode" presStyleLbl="node1" presStyleIdx="0" presStyleCnt="5">
        <dgm:presLayoutVars>
          <dgm:bulletEnabled val="1"/>
        </dgm:presLayoutVars>
      </dgm:prSet>
      <dgm:spPr/>
    </dgm:pt>
    <dgm:pt modelId="{2740CB50-F2E9-4E7A-84B3-675064A0D9DA}" type="pres">
      <dgm:prSet presAssocID="{BB220681-809F-4FA5-B636-DB39345C5ED0}" presName="sibTrans" presStyleLbl="sibTrans2D1" presStyleIdx="0" presStyleCnt="4"/>
      <dgm:spPr/>
    </dgm:pt>
    <dgm:pt modelId="{D9BA78E9-78A3-4FF9-90C1-07F7D3E3BF3E}" type="pres">
      <dgm:prSet presAssocID="{BB220681-809F-4FA5-B636-DB39345C5ED0}" presName="connTx" presStyleLbl="sibTrans2D1" presStyleIdx="0" presStyleCnt="4"/>
      <dgm:spPr/>
    </dgm:pt>
    <dgm:pt modelId="{99B2865A-3FE1-4D10-9640-983540F11C46}" type="pres">
      <dgm:prSet presAssocID="{F1F479B2-AC41-42A5-A3CE-3AFD4A5AD571}" presName="composite" presStyleCnt="0"/>
      <dgm:spPr/>
    </dgm:pt>
    <dgm:pt modelId="{2DD18468-A198-4728-8A42-444DEBB7E46B}" type="pres">
      <dgm:prSet presAssocID="{F1F479B2-AC41-42A5-A3CE-3AFD4A5AD571}" presName="imagSh" presStyleLbl="bgImgPlace1" presStyleIdx="1" presStyleCnt="5"/>
      <dgm:spPr>
        <a:blipFill rotWithShape="1">
          <a:blip xmlns:r="http://schemas.openxmlformats.org/officeDocument/2006/relationships" r:embed="rId2"/>
          <a:srcRect/>
          <a:stretch>
            <a:fillRect l="-17000" r="-17000"/>
          </a:stretch>
        </a:blipFill>
      </dgm:spPr>
    </dgm:pt>
    <dgm:pt modelId="{83B7CD3C-9B0B-424B-A7BA-D0909A816233}" type="pres">
      <dgm:prSet presAssocID="{F1F479B2-AC41-42A5-A3CE-3AFD4A5AD571}" presName="txNode" presStyleLbl="node1" presStyleIdx="1" presStyleCnt="5">
        <dgm:presLayoutVars>
          <dgm:bulletEnabled val="1"/>
        </dgm:presLayoutVars>
      </dgm:prSet>
      <dgm:spPr/>
    </dgm:pt>
    <dgm:pt modelId="{8E0528E9-5DBF-495F-BDAC-5208D7D7E1A9}" type="pres">
      <dgm:prSet presAssocID="{9263A1B5-DF6C-4EC4-B4A3-0EB8E87181D5}" presName="sibTrans" presStyleLbl="sibTrans2D1" presStyleIdx="1" presStyleCnt="4"/>
      <dgm:spPr/>
    </dgm:pt>
    <dgm:pt modelId="{E61EBD24-44EB-4782-80AA-F760499CFF40}" type="pres">
      <dgm:prSet presAssocID="{9263A1B5-DF6C-4EC4-B4A3-0EB8E87181D5}" presName="connTx" presStyleLbl="sibTrans2D1" presStyleIdx="1" presStyleCnt="4"/>
      <dgm:spPr/>
    </dgm:pt>
    <dgm:pt modelId="{2262B675-0006-4483-9006-D9B4937E07DD}" type="pres">
      <dgm:prSet presAssocID="{3063D901-499B-4038-8EC4-36F9F4FC22FB}" presName="composite" presStyleCnt="0"/>
      <dgm:spPr/>
    </dgm:pt>
    <dgm:pt modelId="{6F88DC43-CE90-40E7-B35F-F602A99AEE45}" type="pres">
      <dgm:prSet presAssocID="{3063D901-499B-4038-8EC4-36F9F4FC22FB}" presName="imagSh" presStyleLbl="bgImgPlace1" presStyleIdx="2" presStyleCnt="5"/>
      <dgm:spPr>
        <a:blipFill rotWithShape="1">
          <a:blip xmlns:r="http://schemas.openxmlformats.org/officeDocument/2006/relationships" r:embed="rId3"/>
          <a:srcRect/>
          <a:stretch>
            <a:fillRect l="-17000" r="-17000"/>
          </a:stretch>
        </a:blipFill>
      </dgm:spPr>
    </dgm:pt>
    <dgm:pt modelId="{72D133A1-6F0F-4BA3-B9F2-46F2E165CD34}" type="pres">
      <dgm:prSet presAssocID="{3063D901-499B-4038-8EC4-36F9F4FC22FB}" presName="txNode" presStyleLbl="node1" presStyleIdx="2" presStyleCnt="5">
        <dgm:presLayoutVars>
          <dgm:bulletEnabled val="1"/>
        </dgm:presLayoutVars>
      </dgm:prSet>
      <dgm:spPr/>
    </dgm:pt>
    <dgm:pt modelId="{B68357DD-1F67-4F3A-B5D2-53B3608D7936}" type="pres">
      <dgm:prSet presAssocID="{1284BB28-0122-43E4-BF7B-7E4F6DF9C222}" presName="sibTrans" presStyleLbl="sibTrans2D1" presStyleIdx="2" presStyleCnt="4"/>
      <dgm:spPr/>
    </dgm:pt>
    <dgm:pt modelId="{78D99A34-3620-4909-8563-EDC2BE1E8473}" type="pres">
      <dgm:prSet presAssocID="{1284BB28-0122-43E4-BF7B-7E4F6DF9C222}" presName="connTx" presStyleLbl="sibTrans2D1" presStyleIdx="2" presStyleCnt="4"/>
      <dgm:spPr/>
    </dgm:pt>
    <dgm:pt modelId="{7B42F020-69AF-4BB3-AB5B-E530EEB1C9EC}" type="pres">
      <dgm:prSet presAssocID="{DF0CB57C-DD52-4755-9563-09570CBC0720}" presName="composite" presStyleCnt="0"/>
      <dgm:spPr/>
    </dgm:pt>
    <dgm:pt modelId="{1E37EA1C-898A-4D74-90DF-CD9204D6FFE5}" type="pres">
      <dgm:prSet presAssocID="{DF0CB57C-DD52-4755-9563-09570CBC0720}" presName="imagSh" presStyleLbl="bgImgPlace1" presStyleIdx="3" presStyleCnt="5"/>
      <dgm:spPr>
        <a:blipFill rotWithShape="1">
          <a:blip xmlns:r="http://schemas.openxmlformats.org/officeDocument/2006/relationships" r:embed="rId4"/>
          <a:srcRect/>
          <a:stretch>
            <a:fillRect l="-18000" r="-18000"/>
          </a:stretch>
        </a:blipFill>
      </dgm:spPr>
    </dgm:pt>
    <dgm:pt modelId="{459B03E4-B644-4114-AD27-384A15E24119}" type="pres">
      <dgm:prSet presAssocID="{DF0CB57C-DD52-4755-9563-09570CBC0720}" presName="txNode" presStyleLbl="node1" presStyleIdx="3" presStyleCnt="5">
        <dgm:presLayoutVars>
          <dgm:bulletEnabled val="1"/>
        </dgm:presLayoutVars>
      </dgm:prSet>
      <dgm:spPr/>
    </dgm:pt>
    <dgm:pt modelId="{98D931C6-612B-4506-AF52-CDF628814C0F}" type="pres">
      <dgm:prSet presAssocID="{F58CB35B-F264-44C1-A3D0-BE6E0BE1BED9}" presName="sibTrans" presStyleLbl="sibTrans2D1" presStyleIdx="3" presStyleCnt="4"/>
      <dgm:spPr/>
    </dgm:pt>
    <dgm:pt modelId="{E6ECFBF8-6FA8-43AC-9908-0822007AD2CF}" type="pres">
      <dgm:prSet presAssocID="{F58CB35B-F264-44C1-A3D0-BE6E0BE1BED9}" presName="connTx" presStyleLbl="sibTrans2D1" presStyleIdx="3" presStyleCnt="4"/>
      <dgm:spPr/>
    </dgm:pt>
    <dgm:pt modelId="{C0CFCBCF-6DDB-47B5-A0F8-402832DB5348}" type="pres">
      <dgm:prSet presAssocID="{244DDCA8-A3F8-44A3-8C5E-9D924844EB11}" presName="composite" presStyleCnt="0"/>
      <dgm:spPr/>
    </dgm:pt>
    <dgm:pt modelId="{E19893DE-2692-4722-9117-FA5D4E25F432}" type="pres">
      <dgm:prSet presAssocID="{244DDCA8-A3F8-44A3-8C5E-9D924844EB11}" presName="imagSh" presStyleLbl="bgImgPlace1" presStyleIdx="4" presStyleCnt="5"/>
      <dgm:spPr>
        <a:blipFill rotWithShape="1">
          <a:blip xmlns:r="http://schemas.openxmlformats.org/officeDocument/2006/relationships" r:embed="rId5"/>
          <a:srcRect/>
          <a:stretch>
            <a:fillRect l="-17000" r="-17000"/>
          </a:stretch>
        </a:blipFill>
      </dgm:spPr>
    </dgm:pt>
    <dgm:pt modelId="{E2D3CA25-79DD-46E4-B6A2-BEC22CFE6CBE}" type="pres">
      <dgm:prSet presAssocID="{244DDCA8-A3F8-44A3-8C5E-9D924844EB11}" presName="txNode" presStyleLbl="node1" presStyleIdx="4" presStyleCnt="5">
        <dgm:presLayoutVars>
          <dgm:bulletEnabled val="1"/>
        </dgm:presLayoutVars>
      </dgm:prSet>
      <dgm:spPr/>
    </dgm:pt>
  </dgm:ptLst>
  <dgm:cxnLst>
    <dgm:cxn modelId="{3F623721-6847-446F-8646-41A7C2E747E5}" srcId="{B31D6EA2-CDCE-47B4-9A54-1FDC517E9266}" destId="{DF0CB57C-DD52-4755-9563-09570CBC0720}" srcOrd="3" destOrd="0" parTransId="{E6696DAC-CEBD-450F-8B18-C3D7614DC9A4}" sibTransId="{F58CB35B-F264-44C1-A3D0-BE6E0BE1BED9}"/>
    <dgm:cxn modelId="{F78A8022-15E9-4FDB-BCF8-434EC529701E}" type="presOf" srcId="{F58CB35B-F264-44C1-A3D0-BE6E0BE1BED9}" destId="{E6ECFBF8-6FA8-43AC-9908-0822007AD2CF}" srcOrd="1" destOrd="0" presId="urn:microsoft.com/office/officeart/2005/8/layout/hProcess10"/>
    <dgm:cxn modelId="{5566FD22-32C9-4B6E-BB3B-EA012FB4F8C8}" type="presOf" srcId="{F58CB35B-F264-44C1-A3D0-BE6E0BE1BED9}" destId="{98D931C6-612B-4506-AF52-CDF628814C0F}" srcOrd="0" destOrd="0" presId="urn:microsoft.com/office/officeart/2005/8/layout/hProcess10"/>
    <dgm:cxn modelId="{E1C9222A-B6DA-4D97-99C2-D7BB9F31E43E}" type="presOf" srcId="{DF0CB57C-DD52-4755-9563-09570CBC0720}" destId="{459B03E4-B644-4114-AD27-384A15E24119}" srcOrd="0" destOrd="0" presId="urn:microsoft.com/office/officeart/2005/8/layout/hProcess10"/>
    <dgm:cxn modelId="{24C94830-DF17-4F03-8353-7B1D3FA7DD6C}" srcId="{B31D6EA2-CDCE-47B4-9A54-1FDC517E9266}" destId="{8FF0CBC6-AF78-4426-96F8-7AFF283ACF04}" srcOrd="0" destOrd="0" parTransId="{2BBC0DD2-BAEF-457D-B93D-FC2062B86145}" sibTransId="{BB220681-809F-4FA5-B636-DB39345C5ED0}"/>
    <dgm:cxn modelId="{144D2E37-E14A-492C-A250-CB6D1E4AC15E}" type="presOf" srcId="{BB220681-809F-4FA5-B636-DB39345C5ED0}" destId="{D9BA78E9-78A3-4FF9-90C1-07F7D3E3BF3E}" srcOrd="1" destOrd="0" presId="urn:microsoft.com/office/officeart/2005/8/layout/hProcess10"/>
    <dgm:cxn modelId="{65D3725C-45B5-4FDA-AB37-007DFF039E91}" srcId="{B31D6EA2-CDCE-47B4-9A54-1FDC517E9266}" destId="{F1F479B2-AC41-42A5-A3CE-3AFD4A5AD571}" srcOrd="1" destOrd="0" parTransId="{103A169B-6875-478E-95B2-AE0B4ACF1BB9}" sibTransId="{9263A1B5-DF6C-4EC4-B4A3-0EB8E87181D5}"/>
    <dgm:cxn modelId="{3C68EB67-4E0D-42C1-A007-6523436F4CEC}" type="presOf" srcId="{F1F479B2-AC41-42A5-A3CE-3AFD4A5AD571}" destId="{83B7CD3C-9B0B-424B-A7BA-D0909A816233}" srcOrd="0" destOrd="0" presId="urn:microsoft.com/office/officeart/2005/8/layout/hProcess10"/>
    <dgm:cxn modelId="{87F3DB75-433D-4094-AA7B-13F768D290E5}" srcId="{B31D6EA2-CDCE-47B4-9A54-1FDC517E9266}" destId="{244DDCA8-A3F8-44A3-8C5E-9D924844EB11}" srcOrd="4" destOrd="0" parTransId="{66A061D0-61FD-4CB8-B3A2-6E67B2181601}" sibTransId="{B30F8E83-C7AB-461A-9F3C-5335C113E159}"/>
    <dgm:cxn modelId="{076B9A78-70EC-41A2-8AFA-6514A89FF69E}" type="presOf" srcId="{244DDCA8-A3F8-44A3-8C5E-9D924844EB11}" destId="{E2D3CA25-79DD-46E4-B6A2-BEC22CFE6CBE}" srcOrd="0" destOrd="0" presId="urn:microsoft.com/office/officeart/2005/8/layout/hProcess10"/>
    <dgm:cxn modelId="{AF539C59-3EFB-4483-9F41-16296632FF03}" type="presOf" srcId="{BB220681-809F-4FA5-B636-DB39345C5ED0}" destId="{2740CB50-F2E9-4E7A-84B3-675064A0D9DA}" srcOrd="0" destOrd="0" presId="urn:microsoft.com/office/officeart/2005/8/layout/hProcess10"/>
    <dgm:cxn modelId="{0173D58C-2108-43B0-B09C-1EEE30598994}" srcId="{B31D6EA2-CDCE-47B4-9A54-1FDC517E9266}" destId="{3063D901-499B-4038-8EC4-36F9F4FC22FB}" srcOrd="2" destOrd="0" parTransId="{4327685E-39AF-4954-9292-DB0F89141005}" sibTransId="{1284BB28-0122-43E4-BF7B-7E4F6DF9C222}"/>
    <dgm:cxn modelId="{C1AC34BB-F502-493E-B0A3-276805D6023F}" type="presOf" srcId="{B31D6EA2-CDCE-47B4-9A54-1FDC517E9266}" destId="{B59A2C68-0844-4B3A-8D73-1E5812F66708}" srcOrd="0" destOrd="0" presId="urn:microsoft.com/office/officeart/2005/8/layout/hProcess10"/>
    <dgm:cxn modelId="{DA365FC9-11D7-4114-B178-DB9DBD7B9ABB}" type="presOf" srcId="{1284BB28-0122-43E4-BF7B-7E4F6DF9C222}" destId="{B68357DD-1F67-4F3A-B5D2-53B3608D7936}" srcOrd="0" destOrd="0" presId="urn:microsoft.com/office/officeart/2005/8/layout/hProcess10"/>
    <dgm:cxn modelId="{B1E8FECC-B1C4-4E8E-ADE3-AF9CFC57B896}" type="presOf" srcId="{3063D901-499B-4038-8EC4-36F9F4FC22FB}" destId="{72D133A1-6F0F-4BA3-B9F2-46F2E165CD34}" srcOrd="0" destOrd="0" presId="urn:microsoft.com/office/officeart/2005/8/layout/hProcess10"/>
    <dgm:cxn modelId="{97A61FDE-69BE-4543-B7FE-5D37A2EB567C}" type="presOf" srcId="{9263A1B5-DF6C-4EC4-B4A3-0EB8E87181D5}" destId="{E61EBD24-44EB-4782-80AA-F760499CFF40}" srcOrd="1" destOrd="0" presId="urn:microsoft.com/office/officeart/2005/8/layout/hProcess10"/>
    <dgm:cxn modelId="{DA6168EB-5E23-4B87-9293-3F4DDF0AF5FE}" type="presOf" srcId="{8FF0CBC6-AF78-4426-96F8-7AFF283ACF04}" destId="{7D9CED71-6D34-4951-A1AB-38B67FF06FD5}" srcOrd="0" destOrd="0" presId="urn:microsoft.com/office/officeart/2005/8/layout/hProcess10"/>
    <dgm:cxn modelId="{4A62DAF9-C1FC-47D0-B1AF-961A15140315}" type="presOf" srcId="{9263A1B5-DF6C-4EC4-B4A3-0EB8E87181D5}" destId="{8E0528E9-5DBF-495F-BDAC-5208D7D7E1A9}" srcOrd="0" destOrd="0" presId="urn:microsoft.com/office/officeart/2005/8/layout/hProcess10"/>
    <dgm:cxn modelId="{6BDD75FC-8AF4-4036-892D-CFA21C242154}" type="presOf" srcId="{1284BB28-0122-43E4-BF7B-7E4F6DF9C222}" destId="{78D99A34-3620-4909-8563-EDC2BE1E8473}" srcOrd="1" destOrd="0" presId="urn:microsoft.com/office/officeart/2005/8/layout/hProcess10"/>
    <dgm:cxn modelId="{3C11A8DE-CA54-4B08-9786-842A6CC39CCF}" type="presParOf" srcId="{B59A2C68-0844-4B3A-8D73-1E5812F66708}" destId="{B74E0526-A882-4655-8B4B-3E5CB611BACD}" srcOrd="0" destOrd="0" presId="urn:microsoft.com/office/officeart/2005/8/layout/hProcess10"/>
    <dgm:cxn modelId="{51A33175-D11A-458D-8D69-65D59236E50A}" type="presParOf" srcId="{B74E0526-A882-4655-8B4B-3E5CB611BACD}" destId="{739BCA62-2F9F-4C9F-B0BD-D1C9272D34F3}" srcOrd="0" destOrd="0" presId="urn:microsoft.com/office/officeart/2005/8/layout/hProcess10"/>
    <dgm:cxn modelId="{0C34FD75-82A3-4995-8B4E-8A8AEE581E44}" type="presParOf" srcId="{B74E0526-A882-4655-8B4B-3E5CB611BACD}" destId="{7D9CED71-6D34-4951-A1AB-38B67FF06FD5}" srcOrd="1" destOrd="0" presId="urn:microsoft.com/office/officeart/2005/8/layout/hProcess10"/>
    <dgm:cxn modelId="{D3526AA2-B908-41BE-9A52-BD2C1D9063F1}" type="presParOf" srcId="{B59A2C68-0844-4B3A-8D73-1E5812F66708}" destId="{2740CB50-F2E9-4E7A-84B3-675064A0D9DA}" srcOrd="1" destOrd="0" presId="urn:microsoft.com/office/officeart/2005/8/layout/hProcess10"/>
    <dgm:cxn modelId="{D65EEA69-A7C3-46EC-BCD9-CFAFAE320C59}" type="presParOf" srcId="{2740CB50-F2E9-4E7A-84B3-675064A0D9DA}" destId="{D9BA78E9-78A3-4FF9-90C1-07F7D3E3BF3E}" srcOrd="0" destOrd="0" presId="urn:microsoft.com/office/officeart/2005/8/layout/hProcess10"/>
    <dgm:cxn modelId="{E70685FD-2210-4C39-A2E0-5E16A3428838}" type="presParOf" srcId="{B59A2C68-0844-4B3A-8D73-1E5812F66708}" destId="{99B2865A-3FE1-4D10-9640-983540F11C46}" srcOrd="2" destOrd="0" presId="urn:microsoft.com/office/officeart/2005/8/layout/hProcess10"/>
    <dgm:cxn modelId="{BB1A6750-CDFD-4554-B470-C835A905CDAD}" type="presParOf" srcId="{99B2865A-3FE1-4D10-9640-983540F11C46}" destId="{2DD18468-A198-4728-8A42-444DEBB7E46B}" srcOrd="0" destOrd="0" presId="urn:microsoft.com/office/officeart/2005/8/layout/hProcess10"/>
    <dgm:cxn modelId="{F744602D-4A1A-4D5E-B1E3-3DC7A137D51B}" type="presParOf" srcId="{99B2865A-3FE1-4D10-9640-983540F11C46}" destId="{83B7CD3C-9B0B-424B-A7BA-D0909A816233}" srcOrd="1" destOrd="0" presId="urn:microsoft.com/office/officeart/2005/8/layout/hProcess10"/>
    <dgm:cxn modelId="{96026701-B4F9-4C42-839B-82753C45EC6D}" type="presParOf" srcId="{B59A2C68-0844-4B3A-8D73-1E5812F66708}" destId="{8E0528E9-5DBF-495F-BDAC-5208D7D7E1A9}" srcOrd="3" destOrd="0" presId="urn:microsoft.com/office/officeart/2005/8/layout/hProcess10"/>
    <dgm:cxn modelId="{03245D01-A9E0-45B2-8B24-9DF40BDF79B9}" type="presParOf" srcId="{8E0528E9-5DBF-495F-BDAC-5208D7D7E1A9}" destId="{E61EBD24-44EB-4782-80AA-F760499CFF40}" srcOrd="0" destOrd="0" presId="urn:microsoft.com/office/officeart/2005/8/layout/hProcess10"/>
    <dgm:cxn modelId="{D9357BEC-386E-418C-ACF2-7C16690A4D09}" type="presParOf" srcId="{B59A2C68-0844-4B3A-8D73-1E5812F66708}" destId="{2262B675-0006-4483-9006-D9B4937E07DD}" srcOrd="4" destOrd="0" presId="urn:microsoft.com/office/officeart/2005/8/layout/hProcess10"/>
    <dgm:cxn modelId="{C3337F63-9D18-4543-B7A6-B2E5B24F07E2}" type="presParOf" srcId="{2262B675-0006-4483-9006-D9B4937E07DD}" destId="{6F88DC43-CE90-40E7-B35F-F602A99AEE45}" srcOrd="0" destOrd="0" presId="urn:microsoft.com/office/officeart/2005/8/layout/hProcess10"/>
    <dgm:cxn modelId="{6CB95CE7-8E17-4E14-83AE-EED8AC7BA21E}" type="presParOf" srcId="{2262B675-0006-4483-9006-D9B4937E07DD}" destId="{72D133A1-6F0F-4BA3-B9F2-46F2E165CD34}" srcOrd="1" destOrd="0" presId="urn:microsoft.com/office/officeart/2005/8/layout/hProcess10"/>
    <dgm:cxn modelId="{11DC48D0-CD95-48F2-9CF0-B22D4832B532}" type="presParOf" srcId="{B59A2C68-0844-4B3A-8D73-1E5812F66708}" destId="{B68357DD-1F67-4F3A-B5D2-53B3608D7936}" srcOrd="5" destOrd="0" presId="urn:microsoft.com/office/officeart/2005/8/layout/hProcess10"/>
    <dgm:cxn modelId="{4B09ABAF-9B43-461D-9964-2816307E1F51}" type="presParOf" srcId="{B68357DD-1F67-4F3A-B5D2-53B3608D7936}" destId="{78D99A34-3620-4909-8563-EDC2BE1E8473}" srcOrd="0" destOrd="0" presId="urn:microsoft.com/office/officeart/2005/8/layout/hProcess10"/>
    <dgm:cxn modelId="{310709CE-A37D-4EC3-B0D1-F4D31608D833}" type="presParOf" srcId="{B59A2C68-0844-4B3A-8D73-1E5812F66708}" destId="{7B42F020-69AF-4BB3-AB5B-E530EEB1C9EC}" srcOrd="6" destOrd="0" presId="urn:microsoft.com/office/officeart/2005/8/layout/hProcess10"/>
    <dgm:cxn modelId="{74D8C5CF-FAAC-4B13-AD49-49439C03C3F6}" type="presParOf" srcId="{7B42F020-69AF-4BB3-AB5B-E530EEB1C9EC}" destId="{1E37EA1C-898A-4D74-90DF-CD9204D6FFE5}" srcOrd="0" destOrd="0" presId="urn:microsoft.com/office/officeart/2005/8/layout/hProcess10"/>
    <dgm:cxn modelId="{FEFCE9CC-7FB9-4EB5-915E-6AA5B3158602}" type="presParOf" srcId="{7B42F020-69AF-4BB3-AB5B-E530EEB1C9EC}" destId="{459B03E4-B644-4114-AD27-384A15E24119}" srcOrd="1" destOrd="0" presId="urn:microsoft.com/office/officeart/2005/8/layout/hProcess10"/>
    <dgm:cxn modelId="{8E8238E6-5598-4D75-99FE-37075A80FE54}" type="presParOf" srcId="{B59A2C68-0844-4B3A-8D73-1E5812F66708}" destId="{98D931C6-612B-4506-AF52-CDF628814C0F}" srcOrd="7" destOrd="0" presId="urn:microsoft.com/office/officeart/2005/8/layout/hProcess10"/>
    <dgm:cxn modelId="{2F94B1FD-6413-4163-A2B2-42894CCEBF17}" type="presParOf" srcId="{98D931C6-612B-4506-AF52-CDF628814C0F}" destId="{E6ECFBF8-6FA8-43AC-9908-0822007AD2CF}" srcOrd="0" destOrd="0" presId="urn:microsoft.com/office/officeart/2005/8/layout/hProcess10"/>
    <dgm:cxn modelId="{3084C4FD-6BAF-46EE-B3D8-E7BA0BBB3F45}" type="presParOf" srcId="{B59A2C68-0844-4B3A-8D73-1E5812F66708}" destId="{C0CFCBCF-6DDB-47B5-A0F8-402832DB5348}" srcOrd="8" destOrd="0" presId="urn:microsoft.com/office/officeart/2005/8/layout/hProcess10"/>
    <dgm:cxn modelId="{3F81A6B9-F0A9-438E-969C-24F5D21E8CA6}" type="presParOf" srcId="{C0CFCBCF-6DDB-47B5-A0F8-402832DB5348}" destId="{E19893DE-2692-4722-9117-FA5D4E25F432}" srcOrd="0" destOrd="0" presId="urn:microsoft.com/office/officeart/2005/8/layout/hProcess10"/>
    <dgm:cxn modelId="{06065F86-36C1-4D47-AF61-6BBBEE4696B1}" type="presParOf" srcId="{C0CFCBCF-6DDB-47B5-A0F8-402832DB5348}" destId="{E2D3CA25-79DD-46E4-B6A2-BEC22CFE6CBE}" srcOrd="1" destOrd="0" presId="urn:microsoft.com/office/officeart/2005/8/layout/hProcess10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2.xml><?xml version="1.0" encoding="utf-8"?>
<dgm:dataModel xmlns:dgm="http://schemas.openxmlformats.org/drawingml/2006/diagram" xmlns:a="http://schemas.openxmlformats.org/drawingml/2006/main">
  <dgm:ptLst>
    <dgm:pt modelId="{1A3229DB-DCCE-494E-98EF-C29D5BA10CD5}" type="doc">
      <dgm:prSet loTypeId="urn:microsoft.com/office/officeart/2005/8/layout/cycle2" loCatId="cycle" qsTypeId="urn:microsoft.com/office/officeart/2005/8/quickstyle/simple4" qsCatId="simple" csTypeId="urn:microsoft.com/office/officeart/2005/8/colors/colorful1" csCatId="colorful" phldr="1"/>
      <dgm:spPr/>
    </dgm:pt>
    <dgm:pt modelId="{0E92EC63-B4FB-43F4-BFD2-704D28189BC6}">
      <dgm:prSet phldrT="[Text]" custT="1"/>
      <dgm:spPr/>
      <dgm:t>
        <a:bodyPr/>
        <a:lstStyle/>
        <a:p>
          <a:r>
            <a:rPr lang="en-US" sz="1100"/>
            <a:t>FETCH</a:t>
          </a:r>
          <a:endParaRPr lang="LID4096" sz="1100"/>
        </a:p>
      </dgm:t>
    </dgm:pt>
    <dgm:pt modelId="{C175488A-CF37-43F4-AD15-2F14F4EFB9AE}" type="parTrans" cxnId="{21FD40CB-380D-4017-96B9-39BABC095FD7}">
      <dgm:prSet/>
      <dgm:spPr/>
      <dgm:t>
        <a:bodyPr/>
        <a:lstStyle/>
        <a:p>
          <a:endParaRPr lang="LID4096" sz="1100"/>
        </a:p>
      </dgm:t>
    </dgm:pt>
    <dgm:pt modelId="{7C6B1A17-627A-46C2-8B17-5C02E89511D1}" type="sibTrans" cxnId="{21FD40CB-380D-4017-96B9-39BABC095FD7}">
      <dgm:prSet custT="1"/>
      <dgm:spPr/>
      <dgm:t>
        <a:bodyPr/>
        <a:lstStyle/>
        <a:p>
          <a:endParaRPr lang="LID4096" sz="1100"/>
        </a:p>
      </dgm:t>
    </dgm:pt>
    <dgm:pt modelId="{90361A75-01F7-41BE-B5E4-8D76F1FC6DDA}">
      <dgm:prSet phldrT="[Text]" custT="1"/>
      <dgm:spPr/>
      <dgm:t>
        <a:bodyPr/>
        <a:lstStyle/>
        <a:p>
          <a:r>
            <a:rPr lang="en-US" sz="1100"/>
            <a:t>DECODE</a:t>
          </a:r>
          <a:endParaRPr lang="LID4096" sz="1100"/>
        </a:p>
      </dgm:t>
    </dgm:pt>
    <dgm:pt modelId="{73B9F199-A5E0-4F2E-BACA-7ADEB7D349FD}" type="parTrans" cxnId="{986BBD7D-43D6-4691-A881-D92FF9EC9C86}">
      <dgm:prSet/>
      <dgm:spPr/>
      <dgm:t>
        <a:bodyPr/>
        <a:lstStyle/>
        <a:p>
          <a:endParaRPr lang="LID4096" sz="1100"/>
        </a:p>
      </dgm:t>
    </dgm:pt>
    <dgm:pt modelId="{AA57EA75-E020-46D0-BDBF-30A4F8634FC3}" type="sibTrans" cxnId="{986BBD7D-43D6-4691-A881-D92FF9EC9C86}">
      <dgm:prSet custT="1"/>
      <dgm:spPr/>
      <dgm:t>
        <a:bodyPr/>
        <a:lstStyle/>
        <a:p>
          <a:endParaRPr lang="LID4096" sz="1100"/>
        </a:p>
      </dgm:t>
    </dgm:pt>
    <dgm:pt modelId="{65D9EBFF-C89C-4EC6-88A8-971A594F1378}">
      <dgm:prSet phldrT="[Text]" custT="1"/>
      <dgm:spPr/>
      <dgm:t>
        <a:bodyPr/>
        <a:lstStyle/>
        <a:p>
          <a:r>
            <a:rPr lang="en-US" sz="1100"/>
            <a:t>EXECUTE</a:t>
          </a:r>
          <a:endParaRPr lang="LID4096" sz="1100"/>
        </a:p>
      </dgm:t>
    </dgm:pt>
    <dgm:pt modelId="{9FD8FC06-CC1C-45EF-B13A-42C9CDCA7071}" type="parTrans" cxnId="{96D7A329-137B-477B-9FC5-E5EC613E336B}">
      <dgm:prSet/>
      <dgm:spPr/>
      <dgm:t>
        <a:bodyPr/>
        <a:lstStyle/>
        <a:p>
          <a:endParaRPr lang="LID4096" sz="1100"/>
        </a:p>
      </dgm:t>
    </dgm:pt>
    <dgm:pt modelId="{7BA17047-8744-4CC9-BCC0-6CA0EB10BCD8}" type="sibTrans" cxnId="{96D7A329-137B-477B-9FC5-E5EC613E336B}">
      <dgm:prSet custT="1"/>
      <dgm:spPr/>
      <dgm:t>
        <a:bodyPr/>
        <a:lstStyle/>
        <a:p>
          <a:endParaRPr lang="LID4096" sz="1100"/>
        </a:p>
      </dgm:t>
    </dgm:pt>
    <dgm:pt modelId="{CCA0441B-4139-48D5-AEC8-831CC269D5F6}" type="pres">
      <dgm:prSet presAssocID="{1A3229DB-DCCE-494E-98EF-C29D5BA10CD5}" presName="cycle" presStyleCnt="0">
        <dgm:presLayoutVars>
          <dgm:dir/>
          <dgm:resizeHandles val="exact"/>
        </dgm:presLayoutVars>
      </dgm:prSet>
      <dgm:spPr/>
    </dgm:pt>
    <dgm:pt modelId="{5AB4BC64-2407-42B9-AEA7-FC379C7896EB}" type="pres">
      <dgm:prSet presAssocID="{0E92EC63-B4FB-43F4-BFD2-704D28189BC6}" presName="node" presStyleLbl="node1" presStyleIdx="0" presStyleCnt="3">
        <dgm:presLayoutVars>
          <dgm:bulletEnabled val="1"/>
        </dgm:presLayoutVars>
      </dgm:prSet>
      <dgm:spPr/>
    </dgm:pt>
    <dgm:pt modelId="{69ECB8DB-1B1F-44B1-8B30-150E09C939B5}" type="pres">
      <dgm:prSet presAssocID="{7C6B1A17-627A-46C2-8B17-5C02E89511D1}" presName="sibTrans" presStyleLbl="sibTrans2D1" presStyleIdx="0" presStyleCnt="3"/>
      <dgm:spPr/>
    </dgm:pt>
    <dgm:pt modelId="{0B0DBC6A-8FB3-4149-9F68-02247940376A}" type="pres">
      <dgm:prSet presAssocID="{7C6B1A17-627A-46C2-8B17-5C02E89511D1}" presName="connectorText" presStyleLbl="sibTrans2D1" presStyleIdx="0" presStyleCnt="3"/>
      <dgm:spPr/>
    </dgm:pt>
    <dgm:pt modelId="{F59B8DB0-222F-4BB9-9304-1BFF0CE7FDF3}" type="pres">
      <dgm:prSet presAssocID="{90361A75-01F7-41BE-B5E4-8D76F1FC6DDA}" presName="node" presStyleLbl="node1" presStyleIdx="1" presStyleCnt="3">
        <dgm:presLayoutVars>
          <dgm:bulletEnabled val="1"/>
        </dgm:presLayoutVars>
      </dgm:prSet>
      <dgm:spPr/>
    </dgm:pt>
    <dgm:pt modelId="{8EB0E5C5-B1DB-4467-A36D-F7D15122FA94}" type="pres">
      <dgm:prSet presAssocID="{AA57EA75-E020-46D0-BDBF-30A4F8634FC3}" presName="sibTrans" presStyleLbl="sibTrans2D1" presStyleIdx="1" presStyleCnt="3"/>
      <dgm:spPr/>
    </dgm:pt>
    <dgm:pt modelId="{CD707FF4-F412-479C-B417-894838F5C286}" type="pres">
      <dgm:prSet presAssocID="{AA57EA75-E020-46D0-BDBF-30A4F8634FC3}" presName="connectorText" presStyleLbl="sibTrans2D1" presStyleIdx="1" presStyleCnt="3"/>
      <dgm:spPr/>
    </dgm:pt>
    <dgm:pt modelId="{D91CCB52-FDC0-4C1A-A56D-CC98C91EFD81}" type="pres">
      <dgm:prSet presAssocID="{65D9EBFF-C89C-4EC6-88A8-971A594F1378}" presName="node" presStyleLbl="node1" presStyleIdx="2" presStyleCnt="3">
        <dgm:presLayoutVars>
          <dgm:bulletEnabled val="1"/>
        </dgm:presLayoutVars>
      </dgm:prSet>
      <dgm:spPr/>
    </dgm:pt>
    <dgm:pt modelId="{7BC7C058-A317-4E3A-B3A4-038814DBCBE2}" type="pres">
      <dgm:prSet presAssocID="{7BA17047-8744-4CC9-BCC0-6CA0EB10BCD8}" presName="sibTrans" presStyleLbl="sibTrans2D1" presStyleIdx="2" presStyleCnt="3"/>
      <dgm:spPr/>
    </dgm:pt>
    <dgm:pt modelId="{B7E9CAD6-D757-4BE8-ACD6-9D56B6CE6F5D}" type="pres">
      <dgm:prSet presAssocID="{7BA17047-8744-4CC9-BCC0-6CA0EB10BCD8}" presName="connectorText" presStyleLbl="sibTrans2D1" presStyleIdx="2" presStyleCnt="3"/>
      <dgm:spPr/>
    </dgm:pt>
  </dgm:ptLst>
  <dgm:cxnLst>
    <dgm:cxn modelId="{F1E37819-B1B2-4B64-A05F-61532C73757C}" type="presOf" srcId="{7BA17047-8744-4CC9-BCC0-6CA0EB10BCD8}" destId="{7BC7C058-A317-4E3A-B3A4-038814DBCBE2}" srcOrd="0" destOrd="0" presId="urn:microsoft.com/office/officeart/2005/8/layout/cycle2"/>
    <dgm:cxn modelId="{96D7A329-137B-477B-9FC5-E5EC613E336B}" srcId="{1A3229DB-DCCE-494E-98EF-C29D5BA10CD5}" destId="{65D9EBFF-C89C-4EC6-88A8-971A594F1378}" srcOrd="2" destOrd="0" parTransId="{9FD8FC06-CC1C-45EF-B13A-42C9CDCA7071}" sibTransId="{7BA17047-8744-4CC9-BCC0-6CA0EB10BCD8}"/>
    <dgm:cxn modelId="{6CED2F36-B59A-4F83-BE02-F3FD4E4E3C86}" type="presOf" srcId="{7BA17047-8744-4CC9-BCC0-6CA0EB10BCD8}" destId="{B7E9CAD6-D757-4BE8-ACD6-9D56B6CE6F5D}" srcOrd="1" destOrd="0" presId="urn:microsoft.com/office/officeart/2005/8/layout/cycle2"/>
    <dgm:cxn modelId="{4CB9495F-863E-4438-B8A5-5FEDCACDECEC}" type="presOf" srcId="{90361A75-01F7-41BE-B5E4-8D76F1FC6DDA}" destId="{F59B8DB0-222F-4BB9-9304-1BFF0CE7FDF3}" srcOrd="0" destOrd="0" presId="urn:microsoft.com/office/officeart/2005/8/layout/cycle2"/>
    <dgm:cxn modelId="{8DCA336B-48B0-47D8-A209-9D798E8BEAA2}" type="presOf" srcId="{AA57EA75-E020-46D0-BDBF-30A4F8634FC3}" destId="{8EB0E5C5-B1DB-4467-A36D-F7D15122FA94}" srcOrd="0" destOrd="0" presId="urn:microsoft.com/office/officeart/2005/8/layout/cycle2"/>
    <dgm:cxn modelId="{AA9D9E77-6D76-4EF3-8D00-40DD1CA2B1D1}" type="presOf" srcId="{0E92EC63-B4FB-43F4-BFD2-704D28189BC6}" destId="{5AB4BC64-2407-42B9-AEA7-FC379C7896EB}" srcOrd="0" destOrd="0" presId="urn:microsoft.com/office/officeart/2005/8/layout/cycle2"/>
    <dgm:cxn modelId="{986BBD7D-43D6-4691-A881-D92FF9EC9C86}" srcId="{1A3229DB-DCCE-494E-98EF-C29D5BA10CD5}" destId="{90361A75-01F7-41BE-B5E4-8D76F1FC6DDA}" srcOrd="1" destOrd="0" parTransId="{73B9F199-A5E0-4F2E-BACA-7ADEB7D349FD}" sibTransId="{AA57EA75-E020-46D0-BDBF-30A4F8634FC3}"/>
    <dgm:cxn modelId="{F4B19998-EEE9-43E1-B1B4-C9F22DE5C2AA}" type="presOf" srcId="{7C6B1A17-627A-46C2-8B17-5C02E89511D1}" destId="{69ECB8DB-1B1F-44B1-8B30-150E09C939B5}" srcOrd="0" destOrd="0" presId="urn:microsoft.com/office/officeart/2005/8/layout/cycle2"/>
    <dgm:cxn modelId="{7E5BE499-0F1C-4C8F-B26F-D136BE188008}" type="presOf" srcId="{65D9EBFF-C89C-4EC6-88A8-971A594F1378}" destId="{D91CCB52-FDC0-4C1A-A56D-CC98C91EFD81}" srcOrd="0" destOrd="0" presId="urn:microsoft.com/office/officeart/2005/8/layout/cycle2"/>
    <dgm:cxn modelId="{D1D1F199-0B86-425A-AC20-C8FC7F9DD677}" type="presOf" srcId="{1A3229DB-DCCE-494E-98EF-C29D5BA10CD5}" destId="{CCA0441B-4139-48D5-AEC8-831CC269D5F6}" srcOrd="0" destOrd="0" presId="urn:microsoft.com/office/officeart/2005/8/layout/cycle2"/>
    <dgm:cxn modelId="{BE9205B2-9BD1-4F0D-8EC2-1CA393DAE1AF}" type="presOf" srcId="{7C6B1A17-627A-46C2-8B17-5C02E89511D1}" destId="{0B0DBC6A-8FB3-4149-9F68-02247940376A}" srcOrd="1" destOrd="0" presId="urn:microsoft.com/office/officeart/2005/8/layout/cycle2"/>
    <dgm:cxn modelId="{4A8FC5B3-7D18-4C8F-AA58-ECFB6853C4C0}" type="presOf" srcId="{AA57EA75-E020-46D0-BDBF-30A4F8634FC3}" destId="{CD707FF4-F412-479C-B417-894838F5C286}" srcOrd="1" destOrd="0" presId="urn:microsoft.com/office/officeart/2005/8/layout/cycle2"/>
    <dgm:cxn modelId="{21FD40CB-380D-4017-96B9-39BABC095FD7}" srcId="{1A3229DB-DCCE-494E-98EF-C29D5BA10CD5}" destId="{0E92EC63-B4FB-43F4-BFD2-704D28189BC6}" srcOrd="0" destOrd="0" parTransId="{C175488A-CF37-43F4-AD15-2F14F4EFB9AE}" sibTransId="{7C6B1A17-627A-46C2-8B17-5C02E89511D1}"/>
    <dgm:cxn modelId="{1E197201-2037-45E0-893B-72D0B4CECA3E}" type="presParOf" srcId="{CCA0441B-4139-48D5-AEC8-831CC269D5F6}" destId="{5AB4BC64-2407-42B9-AEA7-FC379C7896EB}" srcOrd="0" destOrd="0" presId="urn:microsoft.com/office/officeart/2005/8/layout/cycle2"/>
    <dgm:cxn modelId="{D63325EF-3478-4265-90C7-38B82D5DE7BA}" type="presParOf" srcId="{CCA0441B-4139-48D5-AEC8-831CC269D5F6}" destId="{69ECB8DB-1B1F-44B1-8B30-150E09C939B5}" srcOrd="1" destOrd="0" presId="urn:microsoft.com/office/officeart/2005/8/layout/cycle2"/>
    <dgm:cxn modelId="{3A85B656-3A4E-427E-9A75-CB982FACC6E5}" type="presParOf" srcId="{69ECB8DB-1B1F-44B1-8B30-150E09C939B5}" destId="{0B0DBC6A-8FB3-4149-9F68-02247940376A}" srcOrd="0" destOrd="0" presId="urn:microsoft.com/office/officeart/2005/8/layout/cycle2"/>
    <dgm:cxn modelId="{F9DC438F-4FA8-4A4B-B9E7-985BEE1F8719}" type="presParOf" srcId="{CCA0441B-4139-48D5-AEC8-831CC269D5F6}" destId="{F59B8DB0-222F-4BB9-9304-1BFF0CE7FDF3}" srcOrd="2" destOrd="0" presId="urn:microsoft.com/office/officeart/2005/8/layout/cycle2"/>
    <dgm:cxn modelId="{3FE1E5A1-B4E3-4276-915E-63E085C312A6}" type="presParOf" srcId="{CCA0441B-4139-48D5-AEC8-831CC269D5F6}" destId="{8EB0E5C5-B1DB-4467-A36D-F7D15122FA94}" srcOrd="3" destOrd="0" presId="urn:microsoft.com/office/officeart/2005/8/layout/cycle2"/>
    <dgm:cxn modelId="{33F88ED2-7ED5-46F1-92C0-1B9B442F1B67}" type="presParOf" srcId="{8EB0E5C5-B1DB-4467-A36D-F7D15122FA94}" destId="{CD707FF4-F412-479C-B417-894838F5C286}" srcOrd="0" destOrd="0" presId="urn:microsoft.com/office/officeart/2005/8/layout/cycle2"/>
    <dgm:cxn modelId="{94E79D07-9C14-4A62-9190-144603A91511}" type="presParOf" srcId="{CCA0441B-4139-48D5-AEC8-831CC269D5F6}" destId="{D91CCB52-FDC0-4C1A-A56D-CC98C91EFD81}" srcOrd="4" destOrd="0" presId="urn:microsoft.com/office/officeart/2005/8/layout/cycle2"/>
    <dgm:cxn modelId="{AFBAF7E7-C11C-415E-9BF5-5C26C3FACD1D}" type="presParOf" srcId="{CCA0441B-4139-48D5-AEC8-831CC269D5F6}" destId="{7BC7C058-A317-4E3A-B3A4-038814DBCBE2}" srcOrd="5" destOrd="0" presId="urn:microsoft.com/office/officeart/2005/8/layout/cycle2"/>
    <dgm:cxn modelId="{6B93AC5C-7DA3-48D5-BF4B-5D2FA8829CA5}" type="presParOf" srcId="{7BC7C058-A317-4E3A-B3A4-038814DBCBE2}" destId="{B7E9CAD6-D757-4BE8-ACD6-9D56B6CE6F5D}" srcOrd="0" destOrd="0" presId="urn:microsoft.com/office/officeart/2005/8/layout/cycle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D9FA564B-56E2-4198-90BC-9053CABE06E8}" type="doc">
      <dgm:prSet loTypeId="urn:microsoft.com/office/officeart/2008/layout/CircularPictureCallout" loCatId="picture" qsTypeId="urn:microsoft.com/office/officeart/2005/8/quickstyle/simple4" qsCatId="simple" csTypeId="urn:microsoft.com/office/officeart/2005/8/colors/accent1_2" csCatId="accent1" phldr="1"/>
      <dgm:spPr/>
      <dgm:t>
        <a:bodyPr/>
        <a:lstStyle/>
        <a:p>
          <a:endParaRPr lang="LID4096"/>
        </a:p>
      </dgm:t>
    </dgm:pt>
    <dgm:pt modelId="{BA8737DD-2C5E-4F0D-8285-4B4EE6FD967B}">
      <dgm:prSet/>
      <dgm:spPr/>
      <dgm:t>
        <a:bodyPr/>
        <a:lstStyle/>
        <a:p>
          <a:endParaRPr lang="LID4096"/>
        </a:p>
      </dgm:t>
    </dgm:pt>
    <dgm:pt modelId="{256D175C-34EE-4AB0-8B24-F6102B8C3D36}" type="parTrans" cxnId="{FDE60FA7-8470-474D-9D4D-4A6772B1C6D8}">
      <dgm:prSet/>
      <dgm:spPr/>
      <dgm:t>
        <a:bodyPr/>
        <a:lstStyle/>
        <a:p>
          <a:endParaRPr lang="LID4096"/>
        </a:p>
      </dgm:t>
    </dgm:pt>
    <dgm:pt modelId="{4FDAA9D2-AD13-4C4B-ABF1-C1671D255481}" type="sibTrans" cxnId="{FDE60FA7-8470-474D-9D4D-4A6772B1C6D8}">
      <dgm:prSet/>
      <dgm:spPr>
        <a:blipFill dpi="0" rotWithShape="1"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74" t="-16553" r="-7074" b="-27027"/>
          </a:stretch>
        </a:blipFill>
        <a:ln>
          <a:solidFill>
            <a:schemeClr val="tx1">
              <a:lumMod val="65000"/>
              <a:lumOff val="35000"/>
            </a:schemeClr>
          </a:solidFill>
        </a:ln>
      </dgm:spPr>
      <dgm:t>
        <a:bodyPr/>
        <a:lstStyle/>
        <a:p>
          <a:endParaRPr lang="LID4096"/>
        </a:p>
      </dgm:t>
    </dgm:pt>
    <dgm:pt modelId="{36C6CE57-C2A6-40A0-87A9-E9F538A1F498}">
      <dgm:prSet phldrT="[Text]"/>
      <dgm:spPr/>
      <dgm:t>
        <a:bodyPr/>
        <a:lstStyle/>
        <a:p>
          <a:r>
            <a:rPr lang="en-US"/>
            <a:t>Researcher at Technical University of Denmark</a:t>
          </a:r>
          <a:endParaRPr lang="LID4096"/>
        </a:p>
      </dgm:t>
    </dgm:pt>
    <dgm:pt modelId="{52E16BBC-9DE8-4FF3-A8F8-7388F75AA418}" type="parTrans" cxnId="{3239E88E-3F68-4574-9108-E889FAF6424A}">
      <dgm:prSet/>
      <dgm:spPr/>
      <dgm:t>
        <a:bodyPr/>
        <a:lstStyle/>
        <a:p>
          <a:endParaRPr lang="LID4096"/>
        </a:p>
      </dgm:t>
    </dgm:pt>
    <dgm:pt modelId="{72E54182-070E-4719-9B9C-2257BCA138CA}" type="sibTrans" cxnId="{3239E88E-3F68-4574-9108-E889FAF6424A}">
      <dgm:prSet/>
      <dgm:spPr>
        <a:blipFill rotWithShape="1">
          <a:blip xmlns:r="http://schemas.openxmlformats.org/officeDocument/2006/relationships"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</dgm:spPr>
      <dgm:t>
        <a:bodyPr/>
        <a:lstStyle/>
        <a:p>
          <a:endParaRPr lang="LID4096"/>
        </a:p>
      </dgm:t>
    </dgm:pt>
    <dgm:pt modelId="{8CBD7E2A-D044-4124-887C-D62B99219F0E}">
      <dgm:prSet phldrT="[Text]"/>
      <dgm:spPr/>
      <dgm:t>
        <a:bodyPr/>
        <a:lstStyle/>
        <a:p>
          <a:r>
            <a:rPr lang="en-US"/>
            <a:t>Adjunct professor at Tecnológico de Monterrey</a:t>
          </a:r>
          <a:endParaRPr lang="LID4096"/>
        </a:p>
      </dgm:t>
    </dgm:pt>
    <dgm:pt modelId="{58A4A4B5-239F-4227-8E09-C78D02570284}" type="parTrans" cxnId="{B058B0C7-19F3-4A36-A7D2-FBE887F2A402}">
      <dgm:prSet/>
      <dgm:spPr/>
      <dgm:t>
        <a:bodyPr/>
        <a:lstStyle/>
        <a:p>
          <a:endParaRPr lang="LID4096"/>
        </a:p>
      </dgm:t>
    </dgm:pt>
    <dgm:pt modelId="{3D4A1984-4A2B-4F5B-9A16-7761BE359474}" type="sibTrans" cxnId="{B058B0C7-19F3-4A36-A7D2-FBE887F2A402}">
      <dgm:prSet/>
      <dgm:spPr>
        <a:blipFill rotWithShape="1"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</dgm:spPr>
      <dgm:t>
        <a:bodyPr/>
        <a:lstStyle/>
        <a:p>
          <a:endParaRPr lang="LID4096"/>
        </a:p>
      </dgm:t>
    </dgm:pt>
    <dgm:pt modelId="{C3E006E7-071C-4D59-98EF-D4FF35C3981F}">
      <dgm:prSet/>
      <dgm:spPr/>
      <dgm:t>
        <a:bodyPr/>
        <a:lstStyle/>
        <a:p>
          <a:r>
            <a:rPr lang="en-US" noProof="0"/>
            <a:t>Cofounder</a:t>
          </a:r>
          <a:r>
            <a:rPr lang="es-ES"/>
            <a:t> &amp; CTO at AdSensors S.A.P.I. de C.V. </a:t>
          </a:r>
          <a:endParaRPr lang="LID4096"/>
        </a:p>
      </dgm:t>
    </dgm:pt>
    <dgm:pt modelId="{EA9B1F86-2330-444A-B0A8-DAAAF626A84B}" type="parTrans" cxnId="{128E7708-8DF6-4F55-B536-5DC5336E4D5C}">
      <dgm:prSet/>
      <dgm:spPr/>
      <dgm:t>
        <a:bodyPr/>
        <a:lstStyle/>
        <a:p>
          <a:endParaRPr lang="LID4096"/>
        </a:p>
      </dgm:t>
    </dgm:pt>
    <dgm:pt modelId="{0F396E57-CD7F-47DC-93EF-3F4134A57868}" type="sibTrans" cxnId="{128E7708-8DF6-4F55-B536-5DC5336E4D5C}">
      <dgm:prSet/>
      <dgm:spPr>
        <a:blipFill rotWithShape="1">
          <a:blip xmlns:r="http://schemas.openxmlformats.org/officeDocument/2006/relationships"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25000" r="-25000"/>
          </a:stretch>
        </a:blipFill>
      </dgm:spPr>
      <dgm:t>
        <a:bodyPr/>
        <a:lstStyle/>
        <a:p>
          <a:endParaRPr lang="LID4096"/>
        </a:p>
      </dgm:t>
    </dgm:pt>
    <dgm:pt modelId="{0059EC36-68D8-410C-A1D3-0F600B93207A}">
      <dgm:prSet/>
      <dgm:spPr/>
      <dgm:t>
        <a:bodyPr/>
        <a:lstStyle/>
        <a:p>
          <a:r>
            <a:rPr lang="es-ES" err="1"/>
            <a:t>Research</a:t>
          </a:r>
          <a:r>
            <a:rPr lang="es-ES"/>
            <a:t> </a:t>
          </a:r>
          <a:r>
            <a:rPr lang="es-ES" err="1"/>
            <a:t>interests</a:t>
          </a:r>
          <a:endParaRPr lang="LID4096"/>
        </a:p>
      </dgm:t>
    </dgm:pt>
    <dgm:pt modelId="{C156A1BF-91F1-4492-A316-28DBCC948789}" type="parTrans" cxnId="{6F898F49-E268-4045-878E-A0230C60E809}">
      <dgm:prSet/>
      <dgm:spPr/>
      <dgm:t>
        <a:bodyPr/>
        <a:lstStyle/>
        <a:p>
          <a:endParaRPr lang="LID4096"/>
        </a:p>
      </dgm:t>
    </dgm:pt>
    <dgm:pt modelId="{E933412A-E4E2-4A94-8427-6FFFEAFE1067}" type="sibTrans" cxnId="{6F898F49-E268-4045-878E-A0230C60E809}">
      <dgm:prSet/>
      <dgm:spPr>
        <a:blipFill rotWithShape="1"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21000" r="-21000"/>
          </a:stretch>
        </a:blipFill>
      </dgm:spPr>
      <dgm:t>
        <a:bodyPr/>
        <a:lstStyle/>
        <a:p>
          <a:endParaRPr lang="LID4096"/>
        </a:p>
      </dgm:t>
    </dgm:pt>
    <dgm:pt modelId="{8151FB5C-5C2B-47AD-9444-EACC052EFD38}">
      <dgm:prSet/>
      <dgm:spPr/>
      <dgm:t>
        <a:bodyPr/>
        <a:lstStyle/>
        <a:p>
          <a:r>
            <a:rPr lang="es-ES" err="1"/>
            <a:t>Contact</a:t>
          </a:r>
          <a:endParaRPr lang="es-ES"/>
        </a:p>
      </dgm:t>
    </dgm:pt>
    <dgm:pt modelId="{19AFC396-A83D-4A49-B61B-52B43EADB0CC}" type="parTrans" cxnId="{E85A923B-2CB5-4D86-A429-A158AC39AE27}">
      <dgm:prSet/>
      <dgm:spPr/>
      <dgm:t>
        <a:bodyPr/>
        <a:lstStyle/>
        <a:p>
          <a:endParaRPr lang="LID4096"/>
        </a:p>
      </dgm:t>
    </dgm:pt>
    <dgm:pt modelId="{BDC2618A-DF40-42AB-9348-6B9C5AFF7BBA}" type="sibTrans" cxnId="{E85A923B-2CB5-4D86-A429-A158AC39AE27}">
      <dgm:prSet/>
      <dgm:spPr>
        <a:blipFill rotWithShape="1">
          <a:blip xmlns:r="http://schemas.openxmlformats.org/officeDocument/2006/relationships" r:embed="rId6"/>
          <a:srcRect/>
          <a:stretch>
            <a:fillRect/>
          </a:stretch>
        </a:blipFill>
      </dgm:spPr>
      <dgm:t>
        <a:bodyPr/>
        <a:lstStyle/>
        <a:p>
          <a:endParaRPr lang="LID4096"/>
        </a:p>
      </dgm:t>
    </dgm:pt>
    <dgm:pt modelId="{76925359-87E6-45C3-9FA7-37477FA7E5F1}">
      <dgm:prSet/>
      <dgm:spPr/>
      <dgm:t>
        <a:bodyPr/>
        <a:lstStyle/>
        <a:p>
          <a:r>
            <a:rPr lang="es-ES"/>
            <a:t>WhatsApp: +45 5033-3514</a:t>
          </a:r>
        </a:p>
      </dgm:t>
    </dgm:pt>
    <dgm:pt modelId="{B43BF749-30A2-405A-A27E-A5FE2352B3F1}" type="parTrans" cxnId="{8076CFB7-51AF-4F97-9C88-D048FCB7D8BD}">
      <dgm:prSet/>
      <dgm:spPr/>
      <dgm:t>
        <a:bodyPr/>
        <a:lstStyle/>
        <a:p>
          <a:endParaRPr lang="LID4096"/>
        </a:p>
      </dgm:t>
    </dgm:pt>
    <dgm:pt modelId="{F9151EB5-4128-4A6B-A6D9-DB740E522683}" type="sibTrans" cxnId="{8076CFB7-51AF-4F97-9C88-D048FCB7D8BD}">
      <dgm:prSet/>
      <dgm:spPr/>
      <dgm:t>
        <a:bodyPr/>
        <a:lstStyle/>
        <a:p>
          <a:endParaRPr lang="LID4096"/>
        </a:p>
      </dgm:t>
    </dgm:pt>
    <dgm:pt modelId="{4EF2D9F1-053C-420C-ABB1-3A5A420BEF76}">
      <dgm:prSet/>
      <dgm:spPr/>
      <dgm:t>
        <a:bodyPr/>
        <a:lstStyle/>
        <a:p>
          <a:r>
            <a:rPr lang="es-ES"/>
            <a:t>E-mail: matias.vazquez@tec.mx</a:t>
          </a:r>
        </a:p>
      </dgm:t>
    </dgm:pt>
    <dgm:pt modelId="{A45C7C2B-FB1A-4976-AA94-C756D7C7AFDF}" type="parTrans" cxnId="{8B59EE56-D177-4BA5-8BC3-74A5418B8C8C}">
      <dgm:prSet/>
      <dgm:spPr/>
      <dgm:t>
        <a:bodyPr/>
        <a:lstStyle/>
        <a:p>
          <a:endParaRPr lang="LID4096"/>
        </a:p>
      </dgm:t>
    </dgm:pt>
    <dgm:pt modelId="{086A13FC-7A3B-48A7-A3CA-D280393F8AD0}" type="sibTrans" cxnId="{8B59EE56-D177-4BA5-8BC3-74A5418B8C8C}">
      <dgm:prSet/>
      <dgm:spPr/>
      <dgm:t>
        <a:bodyPr/>
        <a:lstStyle/>
        <a:p>
          <a:endParaRPr lang="LID4096"/>
        </a:p>
      </dgm:t>
    </dgm:pt>
    <dgm:pt modelId="{045964F0-7986-4719-816E-133FBA69006C}">
      <dgm:prSet/>
      <dgm:spPr/>
      <dgm:t>
        <a:bodyPr/>
        <a:lstStyle/>
        <a:p>
          <a:r>
            <a:rPr lang="en-US"/>
            <a:t>Teaching</a:t>
          </a:r>
          <a:endParaRPr lang="LID4096"/>
        </a:p>
      </dgm:t>
    </dgm:pt>
    <dgm:pt modelId="{6B0C1A39-0603-40C1-85E9-6D4F896E8C97}" type="parTrans" cxnId="{BE3CF209-1E89-415E-A695-E34E78DB9A8C}">
      <dgm:prSet/>
      <dgm:spPr/>
      <dgm:t>
        <a:bodyPr/>
        <a:lstStyle/>
        <a:p>
          <a:endParaRPr lang="LID4096"/>
        </a:p>
      </dgm:t>
    </dgm:pt>
    <dgm:pt modelId="{9547BE5C-5661-44F3-83A7-E6A7FBB915ED}" type="sibTrans" cxnId="{BE3CF209-1E89-415E-A695-E34E78DB9A8C}">
      <dgm:prSet/>
      <dgm:spPr>
        <a:blipFill rotWithShape="1"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25000" r="-25000"/>
          </a:stretch>
        </a:blipFill>
      </dgm:spPr>
      <dgm:t>
        <a:bodyPr/>
        <a:lstStyle/>
        <a:p>
          <a:endParaRPr lang="LID4096"/>
        </a:p>
      </dgm:t>
    </dgm:pt>
    <dgm:pt modelId="{265CA43F-F9A2-4DCD-95F4-26ED4526210E}">
      <dgm:prSet/>
      <dgm:spPr/>
      <dgm:t>
        <a:bodyPr/>
        <a:lstStyle/>
        <a:p>
          <a:r>
            <a:rPr lang="en-US"/>
            <a:t>Microcontrollers, Digital Systems, Computer Architectures, Embedded Systems</a:t>
          </a:r>
          <a:endParaRPr lang="LID4096"/>
        </a:p>
      </dgm:t>
    </dgm:pt>
    <dgm:pt modelId="{C15E7422-5B6C-4B93-8C59-828F10EC3CC7}" type="parTrans" cxnId="{4E2DF6AE-9C1F-4B3B-98DA-CAF1F00CF94B}">
      <dgm:prSet/>
      <dgm:spPr/>
      <dgm:t>
        <a:bodyPr/>
        <a:lstStyle/>
        <a:p>
          <a:endParaRPr lang="LID4096"/>
        </a:p>
      </dgm:t>
    </dgm:pt>
    <dgm:pt modelId="{F3EBC06E-8853-4E50-8111-1E750BDDF232}" type="sibTrans" cxnId="{4E2DF6AE-9C1F-4B3B-98DA-CAF1F00CF94B}">
      <dgm:prSet/>
      <dgm:spPr/>
      <dgm:t>
        <a:bodyPr/>
        <a:lstStyle/>
        <a:p>
          <a:endParaRPr lang="LID4096"/>
        </a:p>
      </dgm:t>
    </dgm:pt>
    <dgm:pt modelId="{CA9286A6-99DD-45E9-B20A-18F67BF7448E}">
      <dgm:prSet/>
      <dgm:spPr/>
      <dgm:t>
        <a:bodyPr/>
        <a:lstStyle/>
        <a:p>
          <a:r>
            <a:rPr lang="es-ES"/>
            <a:t>Van </a:t>
          </a:r>
          <a:r>
            <a:rPr lang="es-ES" err="1"/>
            <a:t>der</a:t>
          </a:r>
          <a:r>
            <a:rPr lang="es-ES"/>
            <a:t> Waals </a:t>
          </a:r>
          <a:r>
            <a:rPr lang="es-ES" err="1"/>
            <a:t>Heterostructures</a:t>
          </a:r>
          <a:r>
            <a:rPr lang="es-ES"/>
            <a:t> &amp; Electrokinetics</a:t>
          </a:r>
        </a:p>
      </dgm:t>
    </dgm:pt>
    <dgm:pt modelId="{CD18BD79-5085-4A29-AE20-09AACF54C3AC}" type="sibTrans" cxnId="{46CB3D0E-D097-4930-A0EA-60C0E5E05371}">
      <dgm:prSet/>
      <dgm:spPr/>
      <dgm:t>
        <a:bodyPr/>
        <a:lstStyle/>
        <a:p>
          <a:endParaRPr lang="LID4096"/>
        </a:p>
      </dgm:t>
    </dgm:pt>
    <dgm:pt modelId="{02263ECC-7276-4B9B-9ACA-AA5D3B618AC7}" type="parTrans" cxnId="{46CB3D0E-D097-4930-A0EA-60C0E5E05371}">
      <dgm:prSet/>
      <dgm:spPr/>
      <dgm:t>
        <a:bodyPr/>
        <a:lstStyle/>
        <a:p>
          <a:endParaRPr lang="LID4096"/>
        </a:p>
      </dgm:t>
    </dgm:pt>
    <dgm:pt modelId="{ECBE4D10-55A4-4CCB-925A-D8BAF4EF3F66}">
      <dgm:prSet/>
      <dgm:spPr/>
      <dgm:t>
        <a:bodyPr/>
        <a:lstStyle/>
        <a:p>
          <a:r>
            <a:rPr lang="es-ES"/>
            <a:t>UVM hardware Verification</a:t>
          </a:r>
        </a:p>
      </dgm:t>
    </dgm:pt>
    <dgm:pt modelId="{385AF40A-9356-479E-BCF8-FE7A54582B5F}" type="parTrans" cxnId="{71D50A85-05DE-45BA-8F1C-4B9CB94D9377}">
      <dgm:prSet/>
      <dgm:spPr/>
      <dgm:t>
        <a:bodyPr/>
        <a:lstStyle/>
        <a:p>
          <a:endParaRPr lang="LID4096"/>
        </a:p>
      </dgm:t>
    </dgm:pt>
    <dgm:pt modelId="{E4EAD6AD-D312-4C9F-A24B-05E384F22727}" type="sibTrans" cxnId="{71D50A85-05DE-45BA-8F1C-4B9CB94D9377}">
      <dgm:prSet/>
      <dgm:spPr/>
      <dgm:t>
        <a:bodyPr/>
        <a:lstStyle/>
        <a:p>
          <a:endParaRPr lang="LID4096"/>
        </a:p>
      </dgm:t>
    </dgm:pt>
    <dgm:pt modelId="{E22BD6A6-BE8D-4D77-8989-6F7FCCF2C8AC}" type="pres">
      <dgm:prSet presAssocID="{D9FA564B-56E2-4198-90BC-9053CABE06E8}" presName="Name0" presStyleCnt="0">
        <dgm:presLayoutVars>
          <dgm:chMax val="7"/>
          <dgm:chPref val="7"/>
          <dgm:dir/>
        </dgm:presLayoutVars>
      </dgm:prSet>
      <dgm:spPr/>
    </dgm:pt>
    <dgm:pt modelId="{81781A11-0955-4935-AEF1-02C1DC652CAB}" type="pres">
      <dgm:prSet presAssocID="{D9FA564B-56E2-4198-90BC-9053CABE06E8}" presName="Name1" presStyleCnt="0"/>
      <dgm:spPr/>
    </dgm:pt>
    <dgm:pt modelId="{0194466B-93F6-42A1-8D16-C77939EE1672}" type="pres">
      <dgm:prSet presAssocID="{4FDAA9D2-AD13-4C4B-ABF1-C1671D255481}" presName="picture_1" presStyleCnt="0"/>
      <dgm:spPr/>
    </dgm:pt>
    <dgm:pt modelId="{23C2D8A5-442A-4101-AD06-5B30A176686E}" type="pres">
      <dgm:prSet presAssocID="{4FDAA9D2-AD13-4C4B-ABF1-C1671D255481}" presName="pictureRepeatNode" presStyleLbl="alignImgPlace1" presStyleIdx="0" presStyleCnt="7" custAng="21420208"/>
      <dgm:spPr/>
    </dgm:pt>
    <dgm:pt modelId="{39AEF279-2DEE-475C-A26F-05360BAE5CFA}" type="pres">
      <dgm:prSet presAssocID="{BA8737DD-2C5E-4F0D-8285-4B4EE6FD967B}" presName="text_1" presStyleLbl="node1" presStyleIdx="0" presStyleCnt="0">
        <dgm:presLayoutVars>
          <dgm:bulletEnabled val="1"/>
        </dgm:presLayoutVars>
      </dgm:prSet>
      <dgm:spPr/>
    </dgm:pt>
    <dgm:pt modelId="{6CB919E4-401B-4DEE-9C2E-32A6DEB5D175}" type="pres">
      <dgm:prSet presAssocID="{72E54182-070E-4719-9B9C-2257BCA138CA}" presName="picture_2" presStyleCnt="0"/>
      <dgm:spPr/>
    </dgm:pt>
    <dgm:pt modelId="{830D897E-3530-42C0-B4C8-0994AAE5EB93}" type="pres">
      <dgm:prSet presAssocID="{72E54182-070E-4719-9B9C-2257BCA138CA}" presName="pictureRepeatNode" presStyleLbl="alignImgPlace1" presStyleIdx="1" presStyleCnt="7"/>
      <dgm:spPr/>
    </dgm:pt>
    <dgm:pt modelId="{96BD1CA1-0F64-4006-8BF4-68C3351931B4}" type="pres">
      <dgm:prSet presAssocID="{36C6CE57-C2A6-40A0-87A9-E9F538A1F498}" presName="line_2" presStyleLbl="parChTrans1D1" presStyleIdx="0" presStyleCnt="6"/>
      <dgm:spPr/>
    </dgm:pt>
    <dgm:pt modelId="{12608271-827F-4C61-BF16-B25B97FF2ECA}" type="pres">
      <dgm:prSet presAssocID="{36C6CE57-C2A6-40A0-87A9-E9F538A1F498}" presName="textparent_2" presStyleLbl="node1" presStyleIdx="0" presStyleCnt="0"/>
      <dgm:spPr/>
    </dgm:pt>
    <dgm:pt modelId="{5C56199B-8DEE-4CF0-BBCE-3CB21AD46C86}" type="pres">
      <dgm:prSet presAssocID="{36C6CE57-C2A6-40A0-87A9-E9F538A1F498}" presName="text_2" presStyleLbl="revTx" presStyleIdx="0" presStyleCnt="6" custScaleX="297868">
        <dgm:presLayoutVars>
          <dgm:bulletEnabled val="1"/>
        </dgm:presLayoutVars>
      </dgm:prSet>
      <dgm:spPr/>
    </dgm:pt>
    <dgm:pt modelId="{055C0AE6-3C43-46F1-AD86-CE248F7110F1}" type="pres">
      <dgm:prSet presAssocID="{3D4A1984-4A2B-4F5B-9A16-7761BE359474}" presName="picture_3" presStyleCnt="0"/>
      <dgm:spPr/>
    </dgm:pt>
    <dgm:pt modelId="{E4A100AA-7897-44FD-83BB-91FA85D7174F}" type="pres">
      <dgm:prSet presAssocID="{3D4A1984-4A2B-4F5B-9A16-7761BE359474}" presName="pictureRepeatNode" presStyleLbl="alignImgPlace1" presStyleIdx="2" presStyleCnt="7"/>
      <dgm:spPr/>
    </dgm:pt>
    <dgm:pt modelId="{8BD981FE-7847-44B0-8FFA-9EA9D46949A4}" type="pres">
      <dgm:prSet presAssocID="{8CBD7E2A-D044-4124-887C-D62B99219F0E}" presName="line_3" presStyleLbl="parChTrans1D1" presStyleIdx="1" presStyleCnt="6"/>
      <dgm:spPr/>
    </dgm:pt>
    <dgm:pt modelId="{2B5E74F6-3F33-45CF-A606-F1D7C7122939}" type="pres">
      <dgm:prSet presAssocID="{8CBD7E2A-D044-4124-887C-D62B99219F0E}" presName="textparent_3" presStyleLbl="node1" presStyleIdx="0" presStyleCnt="0"/>
      <dgm:spPr/>
    </dgm:pt>
    <dgm:pt modelId="{7D0D1EF3-A7DF-43EB-B536-34D08EA1DA36}" type="pres">
      <dgm:prSet presAssocID="{8CBD7E2A-D044-4124-887C-D62B99219F0E}" presName="text_3" presStyleLbl="revTx" presStyleIdx="1" presStyleCnt="6" custScaleX="345320">
        <dgm:presLayoutVars>
          <dgm:bulletEnabled val="1"/>
        </dgm:presLayoutVars>
      </dgm:prSet>
      <dgm:spPr/>
    </dgm:pt>
    <dgm:pt modelId="{E9D1105F-18F8-4301-973C-F83D277BC280}" type="pres">
      <dgm:prSet presAssocID="{0F396E57-CD7F-47DC-93EF-3F4134A57868}" presName="picture_4" presStyleCnt="0"/>
      <dgm:spPr/>
    </dgm:pt>
    <dgm:pt modelId="{8B13DEDD-C4B1-4088-8303-3507C40FDC59}" type="pres">
      <dgm:prSet presAssocID="{0F396E57-CD7F-47DC-93EF-3F4134A57868}" presName="pictureRepeatNode" presStyleLbl="alignImgPlace1" presStyleIdx="3" presStyleCnt="7"/>
      <dgm:spPr/>
    </dgm:pt>
    <dgm:pt modelId="{E7189AAF-CC67-478E-9FA3-0F7A82825827}" type="pres">
      <dgm:prSet presAssocID="{C3E006E7-071C-4D59-98EF-D4FF35C3981F}" presName="line_4" presStyleLbl="parChTrans1D1" presStyleIdx="2" presStyleCnt="6"/>
      <dgm:spPr/>
    </dgm:pt>
    <dgm:pt modelId="{E10055E1-14E0-4719-961E-349D301B9BC2}" type="pres">
      <dgm:prSet presAssocID="{C3E006E7-071C-4D59-98EF-D4FF35C3981F}" presName="textparent_4" presStyleLbl="node1" presStyleIdx="0" presStyleCnt="0"/>
      <dgm:spPr/>
    </dgm:pt>
    <dgm:pt modelId="{54B8AA02-6F43-4BDE-93D6-0F192BA30F44}" type="pres">
      <dgm:prSet presAssocID="{C3E006E7-071C-4D59-98EF-D4FF35C3981F}" presName="text_4" presStyleLbl="revTx" presStyleIdx="2" presStyleCnt="6" custScaleX="390299">
        <dgm:presLayoutVars>
          <dgm:bulletEnabled val="1"/>
        </dgm:presLayoutVars>
      </dgm:prSet>
      <dgm:spPr/>
    </dgm:pt>
    <dgm:pt modelId="{F1DC9C92-ECCD-4382-B701-766866433BC2}" type="pres">
      <dgm:prSet presAssocID="{9547BE5C-5661-44F3-83A7-E6A7FBB915ED}" presName="picture_5" presStyleCnt="0"/>
      <dgm:spPr/>
    </dgm:pt>
    <dgm:pt modelId="{62DFC1A8-AA80-41F1-8F18-E4F8230DC319}" type="pres">
      <dgm:prSet presAssocID="{9547BE5C-5661-44F3-83A7-E6A7FBB915ED}" presName="pictureRepeatNode" presStyleLbl="alignImgPlace1" presStyleIdx="4" presStyleCnt="7"/>
      <dgm:spPr/>
    </dgm:pt>
    <dgm:pt modelId="{619A0476-1D2B-489D-A32C-373D84724B06}" type="pres">
      <dgm:prSet presAssocID="{045964F0-7986-4719-816E-133FBA69006C}" presName="line_5" presStyleLbl="parChTrans1D1" presStyleIdx="3" presStyleCnt="6"/>
      <dgm:spPr/>
    </dgm:pt>
    <dgm:pt modelId="{5DE7C11F-7040-4269-AD37-E07AB4D57776}" type="pres">
      <dgm:prSet presAssocID="{045964F0-7986-4719-816E-133FBA69006C}" presName="textparent_5" presStyleLbl="node1" presStyleIdx="0" presStyleCnt="0"/>
      <dgm:spPr/>
    </dgm:pt>
    <dgm:pt modelId="{3CAB3045-6DB6-4851-A91D-F322AFE6A560}" type="pres">
      <dgm:prSet presAssocID="{045964F0-7986-4719-816E-133FBA69006C}" presName="text_5" presStyleLbl="revTx" presStyleIdx="3" presStyleCnt="6" custScaleX="242174">
        <dgm:presLayoutVars>
          <dgm:bulletEnabled val="1"/>
        </dgm:presLayoutVars>
      </dgm:prSet>
      <dgm:spPr/>
    </dgm:pt>
    <dgm:pt modelId="{92B42BD6-0942-45D2-9919-88B5EAE28AC3}" type="pres">
      <dgm:prSet presAssocID="{E933412A-E4E2-4A94-8427-6FFFEAFE1067}" presName="picture_6" presStyleCnt="0"/>
      <dgm:spPr/>
    </dgm:pt>
    <dgm:pt modelId="{C1522237-0681-4188-AE19-E2699B31FF9E}" type="pres">
      <dgm:prSet presAssocID="{E933412A-E4E2-4A94-8427-6FFFEAFE1067}" presName="pictureRepeatNode" presStyleLbl="alignImgPlace1" presStyleIdx="5" presStyleCnt="7"/>
      <dgm:spPr/>
    </dgm:pt>
    <dgm:pt modelId="{144E3700-AB4F-416A-A5D7-F29A4C01019B}" type="pres">
      <dgm:prSet presAssocID="{0059EC36-68D8-410C-A1D3-0F600B93207A}" presName="line_6" presStyleLbl="parChTrans1D1" presStyleIdx="4" presStyleCnt="6"/>
      <dgm:spPr/>
    </dgm:pt>
    <dgm:pt modelId="{8E5602F8-6A6E-4B80-9E9D-166489F81015}" type="pres">
      <dgm:prSet presAssocID="{0059EC36-68D8-410C-A1D3-0F600B93207A}" presName="textparent_6" presStyleLbl="node1" presStyleIdx="0" presStyleCnt="0"/>
      <dgm:spPr/>
    </dgm:pt>
    <dgm:pt modelId="{25489104-6C09-4A9A-A484-AFBF50E6C4A9}" type="pres">
      <dgm:prSet presAssocID="{0059EC36-68D8-410C-A1D3-0F600B93207A}" presName="text_6" presStyleLbl="revTx" presStyleIdx="4" presStyleCnt="6" custScaleX="229835">
        <dgm:presLayoutVars>
          <dgm:bulletEnabled val="1"/>
        </dgm:presLayoutVars>
      </dgm:prSet>
      <dgm:spPr/>
    </dgm:pt>
    <dgm:pt modelId="{3BC6A66B-37B2-49DA-8E22-6438E7C7E8BB}" type="pres">
      <dgm:prSet presAssocID="{BDC2618A-DF40-42AB-9348-6B9C5AFF7BBA}" presName="picture_7" presStyleCnt="0"/>
      <dgm:spPr/>
    </dgm:pt>
    <dgm:pt modelId="{BD408BD6-6AF1-454E-87EF-C9D5193B1996}" type="pres">
      <dgm:prSet presAssocID="{BDC2618A-DF40-42AB-9348-6B9C5AFF7BBA}" presName="pictureRepeatNode" presStyleLbl="alignImgPlace1" presStyleIdx="6" presStyleCnt="7"/>
      <dgm:spPr/>
    </dgm:pt>
    <dgm:pt modelId="{4F4F9471-29F7-40F9-9A65-AC5C8A55C48F}" type="pres">
      <dgm:prSet presAssocID="{8151FB5C-5C2B-47AD-9444-EACC052EFD38}" presName="line_7" presStyleLbl="parChTrans1D1" presStyleIdx="5" presStyleCnt="6"/>
      <dgm:spPr/>
    </dgm:pt>
    <dgm:pt modelId="{25E65493-DC1D-4280-B15C-EF8D01881C93}" type="pres">
      <dgm:prSet presAssocID="{8151FB5C-5C2B-47AD-9444-EACC052EFD38}" presName="textparent_7" presStyleLbl="node1" presStyleIdx="0" presStyleCnt="0"/>
      <dgm:spPr/>
    </dgm:pt>
    <dgm:pt modelId="{BB521067-794A-473E-BA3C-0D09780D3F08}" type="pres">
      <dgm:prSet presAssocID="{8151FB5C-5C2B-47AD-9444-EACC052EFD38}" presName="text_7" presStyleLbl="revTx" presStyleIdx="5" presStyleCnt="6">
        <dgm:presLayoutVars>
          <dgm:bulletEnabled val="1"/>
        </dgm:presLayoutVars>
      </dgm:prSet>
      <dgm:spPr/>
    </dgm:pt>
  </dgm:ptLst>
  <dgm:cxnLst>
    <dgm:cxn modelId="{C3BCE904-FE1F-40A0-802B-01531B0F033C}" type="presOf" srcId="{CA9286A6-99DD-45E9-B20A-18F67BF7448E}" destId="{25489104-6C09-4A9A-A484-AFBF50E6C4A9}" srcOrd="0" destOrd="1" presId="urn:microsoft.com/office/officeart/2008/layout/CircularPictureCallout"/>
    <dgm:cxn modelId="{128E7708-8DF6-4F55-B536-5DC5336E4D5C}" srcId="{D9FA564B-56E2-4198-90BC-9053CABE06E8}" destId="{C3E006E7-071C-4D59-98EF-D4FF35C3981F}" srcOrd="3" destOrd="0" parTransId="{EA9B1F86-2330-444A-B0A8-DAAAF626A84B}" sibTransId="{0F396E57-CD7F-47DC-93EF-3F4134A57868}"/>
    <dgm:cxn modelId="{BE3CF209-1E89-415E-A695-E34E78DB9A8C}" srcId="{D9FA564B-56E2-4198-90BC-9053CABE06E8}" destId="{045964F0-7986-4719-816E-133FBA69006C}" srcOrd="4" destOrd="0" parTransId="{6B0C1A39-0603-40C1-85E9-6D4F896E8C97}" sibTransId="{9547BE5C-5661-44F3-83A7-E6A7FBB915ED}"/>
    <dgm:cxn modelId="{46CB3D0E-D097-4930-A0EA-60C0E5E05371}" srcId="{0059EC36-68D8-410C-A1D3-0F600B93207A}" destId="{CA9286A6-99DD-45E9-B20A-18F67BF7448E}" srcOrd="0" destOrd="0" parTransId="{02263ECC-7276-4B9B-9ACA-AA5D3B618AC7}" sibTransId="{CD18BD79-5085-4A29-AE20-09AACF54C3AC}"/>
    <dgm:cxn modelId="{BC0E4710-86B9-45E6-94B1-9268B22DBFE6}" type="presOf" srcId="{8151FB5C-5C2B-47AD-9444-EACC052EFD38}" destId="{BB521067-794A-473E-BA3C-0D09780D3F08}" srcOrd="0" destOrd="0" presId="urn:microsoft.com/office/officeart/2008/layout/CircularPictureCallout"/>
    <dgm:cxn modelId="{F18D1A23-9643-416B-BBA7-FFD86E98C6C8}" type="presOf" srcId="{BA8737DD-2C5E-4F0D-8285-4B4EE6FD967B}" destId="{39AEF279-2DEE-475C-A26F-05360BAE5CFA}" srcOrd="0" destOrd="0" presId="urn:microsoft.com/office/officeart/2008/layout/CircularPictureCallout"/>
    <dgm:cxn modelId="{C70ACA2B-381D-4B19-A21A-B2ADAA1693C6}" type="presOf" srcId="{0F396E57-CD7F-47DC-93EF-3F4134A57868}" destId="{8B13DEDD-C4B1-4088-8303-3507C40FDC59}" srcOrd="0" destOrd="0" presId="urn:microsoft.com/office/officeart/2008/layout/CircularPictureCallout"/>
    <dgm:cxn modelId="{46578337-B32E-49D1-9418-802BF9107D0E}" type="presOf" srcId="{3D4A1984-4A2B-4F5B-9A16-7761BE359474}" destId="{E4A100AA-7897-44FD-83BB-91FA85D7174F}" srcOrd="0" destOrd="0" presId="urn:microsoft.com/office/officeart/2008/layout/CircularPictureCallout"/>
    <dgm:cxn modelId="{E85A923B-2CB5-4D86-A429-A158AC39AE27}" srcId="{D9FA564B-56E2-4198-90BC-9053CABE06E8}" destId="{8151FB5C-5C2B-47AD-9444-EACC052EFD38}" srcOrd="6" destOrd="0" parTransId="{19AFC396-A83D-4A49-B61B-52B43EADB0CC}" sibTransId="{BDC2618A-DF40-42AB-9348-6B9C5AFF7BBA}"/>
    <dgm:cxn modelId="{BF04E348-016C-4A41-B75E-90B9DF0A7FAD}" type="presOf" srcId="{0059EC36-68D8-410C-A1D3-0F600B93207A}" destId="{25489104-6C09-4A9A-A484-AFBF50E6C4A9}" srcOrd="0" destOrd="0" presId="urn:microsoft.com/office/officeart/2008/layout/CircularPictureCallout"/>
    <dgm:cxn modelId="{6F898F49-E268-4045-878E-A0230C60E809}" srcId="{D9FA564B-56E2-4198-90BC-9053CABE06E8}" destId="{0059EC36-68D8-410C-A1D3-0F600B93207A}" srcOrd="5" destOrd="0" parTransId="{C156A1BF-91F1-4492-A316-28DBCC948789}" sibTransId="{E933412A-E4E2-4A94-8427-6FFFEAFE1067}"/>
    <dgm:cxn modelId="{91DABA6C-63FF-4132-BAF3-C6DAFD10C7D3}" type="presOf" srcId="{72E54182-070E-4719-9B9C-2257BCA138CA}" destId="{830D897E-3530-42C0-B4C8-0994AAE5EB93}" srcOrd="0" destOrd="0" presId="urn:microsoft.com/office/officeart/2008/layout/CircularPictureCallout"/>
    <dgm:cxn modelId="{4ABEE351-BC7B-416E-B5B1-887BCCAE765C}" type="presOf" srcId="{4FDAA9D2-AD13-4C4B-ABF1-C1671D255481}" destId="{23C2D8A5-442A-4101-AD06-5B30A176686E}" srcOrd="0" destOrd="0" presId="urn:microsoft.com/office/officeart/2008/layout/CircularPictureCallout"/>
    <dgm:cxn modelId="{8B59EE56-D177-4BA5-8BC3-74A5418B8C8C}" srcId="{8151FB5C-5C2B-47AD-9444-EACC052EFD38}" destId="{4EF2D9F1-053C-420C-ABB1-3A5A420BEF76}" srcOrd="1" destOrd="0" parTransId="{A45C7C2B-FB1A-4976-AA94-C756D7C7AFDF}" sibTransId="{086A13FC-7A3B-48A7-A3CA-D280393F8AD0}"/>
    <dgm:cxn modelId="{71D50A85-05DE-45BA-8F1C-4B9CB94D9377}" srcId="{0059EC36-68D8-410C-A1D3-0F600B93207A}" destId="{ECBE4D10-55A4-4CCB-925A-D8BAF4EF3F66}" srcOrd="1" destOrd="0" parTransId="{385AF40A-9356-479E-BCF8-FE7A54582B5F}" sibTransId="{E4EAD6AD-D312-4C9F-A24B-05E384F22727}"/>
    <dgm:cxn modelId="{0C14F38D-F696-48BC-9D67-A74F91A4884E}" type="presOf" srcId="{045964F0-7986-4719-816E-133FBA69006C}" destId="{3CAB3045-6DB6-4851-A91D-F322AFE6A560}" srcOrd="0" destOrd="0" presId="urn:microsoft.com/office/officeart/2008/layout/CircularPictureCallout"/>
    <dgm:cxn modelId="{3239E88E-3F68-4574-9108-E889FAF6424A}" srcId="{D9FA564B-56E2-4198-90BC-9053CABE06E8}" destId="{36C6CE57-C2A6-40A0-87A9-E9F538A1F498}" srcOrd="1" destOrd="0" parTransId="{52E16BBC-9DE8-4FF3-A8F8-7388F75AA418}" sibTransId="{72E54182-070E-4719-9B9C-2257BCA138CA}"/>
    <dgm:cxn modelId="{FF6B0097-ABC0-421C-A9E0-D3087207B146}" type="presOf" srcId="{C3E006E7-071C-4D59-98EF-D4FF35C3981F}" destId="{54B8AA02-6F43-4BDE-93D6-0F192BA30F44}" srcOrd="0" destOrd="0" presId="urn:microsoft.com/office/officeart/2008/layout/CircularPictureCallout"/>
    <dgm:cxn modelId="{FDE60FA7-8470-474D-9D4D-4A6772B1C6D8}" srcId="{D9FA564B-56E2-4198-90BC-9053CABE06E8}" destId="{BA8737DD-2C5E-4F0D-8285-4B4EE6FD967B}" srcOrd="0" destOrd="0" parTransId="{256D175C-34EE-4AB0-8B24-F6102B8C3D36}" sibTransId="{4FDAA9D2-AD13-4C4B-ABF1-C1671D255481}"/>
    <dgm:cxn modelId="{4B23A1AB-3451-4B4E-973E-FA60CAC9A861}" type="presOf" srcId="{36C6CE57-C2A6-40A0-87A9-E9F538A1F498}" destId="{5C56199B-8DEE-4CF0-BBCE-3CB21AD46C86}" srcOrd="0" destOrd="0" presId="urn:microsoft.com/office/officeart/2008/layout/CircularPictureCallout"/>
    <dgm:cxn modelId="{4E2DF6AE-9C1F-4B3B-98DA-CAF1F00CF94B}" srcId="{045964F0-7986-4719-816E-133FBA69006C}" destId="{265CA43F-F9A2-4DCD-95F4-26ED4526210E}" srcOrd="0" destOrd="0" parTransId="{C15E7422-5B6C-4B93-8C59-828F10EC3CC7}" sibTransId="{F3EBC06E-8853-4E50-8111-1E750BDDF232}"/>
    <dgm:cxn modelId="{8076CFB7-51AF-4F97-9C88-D048FCB7D8BD}" srcId="{8151FB5C-5C2B-47AD-9444-EACC052EFD38}" destId="{76925359-87E6-45C3-9FA7-37477FA7E5F1}" srcOrd="0" destOrd="0" parTransId="{B43BF749-30A2-405A-A27E-A5FE2352B3F1}" sibTransId="{F9151EB5-4128-4A6B-A6D9-DB740E522683}"/>
    <dgm:cxn modelId="{6FEF43BC-1FCF-47DB-B47C-7C523F08CA6E}" type="presOf" srcId="{4EF2D9F1-053C-420C-ABB1-3A5A420BEF76}" destId="{BB521067-794A-473E-BA3C-0D09780D3F08}" srcOrd="0" destOrd="2" presId="urn:microsoft.com/office/officeart/2008/layout/CircularPictureCallout"/>
    <dgm:cxn modelId="{D57904C3-DBB1-4E35-8D6C-D123F840D169}" type="presOf" srcId="{D9FA564B-56E2-4198-90BC-9053CABE06E8}" destId="{E22BD6A6-BE8D-4D77-8989-6F7FCCF2C8AC}" srcOrd="0" destOrd="0" presId="urn:microsoft.com/office/officeart/2008/layout/CircularPictureCallout"/>
    <dgm:cxn modelId="{1A6933C6-A3FB-4436-9174-76EAAFAFD013}" type="presOf" srcId="{E933412A-E4E2-4A94-8427-6FFFEAFE1067}" destId="{C1522237-0681-4188-AE19-E2699B31FF9E}" srcOrd="0" destOrd="0" presId="urn:microsoft.com/office/officeart/2008/layout/CircularPictureCallout"/>
    <dgm:cxn modelId="{C6975FC7-5ED1-4FFF-877E-E65169B8D696}" type="presOf" srcId="{BDC2618A-DF40-42AB-9348-6B9C5AFF7BBA}" destId="{BD408BD6-6AF1-454E-87EF-C9D5193B1996}" srcOrd="0" destOrd="0" presId="urn:microsoft.com/office/officeart/2008/layout/CircularPictureCallout"/>
    <dgm:cxn modelId="{B058B0C7-19F3-4A36-A7D2-FBE887F2A402}" srcId="{D9FA564B-56E2-4198-90BC-9053CABE06E8}" destId="{8CBD7E2A-D044-4124-887C-D62B99219F0E}" srcOrd="2" destOrd="0" parTransId="{58A4A4B5-239F-4227-8E09-C78D02570284}" sibTransId="{3D4A1984-4A2B-4F5B-9A16-7761BE359474}"/>
    <dgm:cxn modelId="{3BF1FACD-5D77-4292-82C7-4D027F5DADFB}" type="presOf" srcId="{76925359-87E6-45C3-9FA7-37477FA7E5F1}" destId="{BB521067-794A-473E-BA3C-0D09780D3F08}" srcOrd="0" destOrd="1" presId="urn:microsoft.com/office/officeart/2008/layout/CircularPictureCallout"/>
    <dgm:cxn modelId="{A965F6EF-A9C5-49A1-97BE-AA65579C5BE9}" type="presOf" srcId="{8CBD7E2A-D044-4124-887C-D62B99219F0E}" destId="{7D0D1EF3-A7DF-43EB-B536-34D08EA1DA36}" srcOrd="0" destOrd="0" presId="urn:microsoft.com/office/officeart/2008/layout/CircularPictureCallout"/>
    <dgm:cxn modelId="{10BAA9F3-EF4E-4C14-9693-5760CF065210}" type="presOf" srcId="{9547BE5C-5661-44F3-83A7-E6A7FBB915ED}" destId="{62DFC1A8-AA80-41F1-8F18-E4F8230DC319}" srcOrd="0" destOrd="0" presId="urn:microsoft.com/office/officeart/2008/layout/CircularPictureCallout"/>
    <dgm:cxn modelId="{4A11F3FB-CDD5-4E67-AEB2-D07EC0F2F964}" type="presOf" srcId="{ECBE4D10-55A4-4CCB-925A-D8BAF4EF3F66}" destId="{25489104-6C09-4A9A-A484-AFBF50E6C4A9}" srcOrd="0" destOrd="2" presId="urn:microsoft.com/office/officeart/2008/layout/CircularPictureCallout"/>
    <dgm:cxn modelId="{08501AFD-C0B6-461E-987B-7CF8A6DF312F}" type="presOf" srcId="{265CA43F-F9A2-4DCD-95F4-26ED4526210E}" destId="{3CAB3045-6DB6-4851-A91D-F322AFE6A560}" srcOrd="0" destOrd="1" presId="urn:microsoft.com/office/officeart/2008/layout/CircularPictureCallout"/>
    <dgm:cxn modelId="{54C30C82-3FD4-4FFB-889D-3F72BB8B1511}" type="presParOf" srcId="{E22BD6A6-BE8D-4D77-8989-6F7FCCF2C8AC}" destId="{81781A11-0955-4935-AEF1-02C1DC652CAB}" srcOrd="0" destOrd="0" presId="urn:microsoft.com/office/officeart/2008/layout/CircularPictureCallout"/>
    <dgm:cxn modelId="{49496701-9972-4228-A5EB-D543E41246F8}" type="presParOf" srcId="{81781A11-0955-4935-AEF1-02C1DC652CAB}" destId="{0194466B-93F6-42A1-8D16-C77939EE1672}" srcOrd="0" destOrd="0" presId="urn:microsoft.com/office/officeart/2008/layout/CircularPictureCallout"/>
    <dgm:cxn modelId="{EDEF71C7-5746-4173-BEF3-7DCD86B1B79B}" type="presParOf" srcId="{0194466B-93F6-42A1-8D16-C77939EE1672}" destId="{23C2D8A5-442A-4101-AD06-5B30A176686E}" srcOrd="0" destOrd="0" presId="urn:microsoft.com/office/officeart/2008/layout/CircularPictureCallout"/>
    <dgm:cxn modelId="{8344C882-A25D-4E67-BCF4-F9084F1BBB68}" type="presParOf" srcId="{81781A11-0955-4935-AEF1-02C1DC652CAB}" destId="{39AEF279-2DEE-475C-A26F-05360BAE5CFA}" srcOrd="1" destOrd="0" presId="urn:microsoft.com/office/officeart/2008/layout/CircularPictureCallout"/>
    <dgm:cxn modelId="{1AB422AC-A6D5-40BC-BCB4-9270371C867F}" type="presParOf" srcId="{81781A11-0955-4935-AEF1-02C1DC652CAB}" destId="{6CB919E4-401B-4DEE-9C2E-32A6DEB5D175}" srcOrd="2" destOrd="0" presId="urn:microsoft.com/office/officeart/2008/layout/CircularPictureCallout"/>
    <dgm:cxn modelId="{D4A4AAEF-6B21-44FC-A202-112F02D5A7BB}" type="presParOf" srcId="{6CB919E4-401B-4DEE-9C2E-32A6DEB5D175}" destId="{830D897E-3530-42C0-B4C8-0994AAE5EB93}" srcOrd="0" destOrd="0" presId="urn:microsoft.com/office/officeart/2008/layout/CircularPictureCallout"/>
    <dgm:cxn modelId="{76375105-4DB2-4101-A141-05BB2B408E3C}" type="presParOf" srcId="{81781A11-0955-4935-AEF1-02C1DC652CAB}" destId="{96BD1CA1-0F64-4006-8BF4-68C3351931B4}" srcOrd="3" destOrd="0" presId="urn:microsoft.com/office/officeart/2008/layout/CircularPictureCallout"/>
    <dgm:cxn modelId="{6419DC23-1142-421D-ABEE-7BF61B1A5B3A}" type="presParOf" srcId="{81781A11-0955-4935-AEF1-02C1DC652CAB}" destId="{12608271-827F-4C61-BF16-B25B97FF2ECA}" srcOrd="4" destOrd="0" presId="urn:microsoft.com/office/officeart/2008/layout/CircularPictureCallout"/>
    <dgm:cxn modelId="{7B710663-6601-4F7F-AE00-7EB12BF6AB4B}" type="presParOf" srcId="{12608271-827F-4C61-BF16-B25B97FF2ECA}" destId="{5C56199B-8DEE-4CF0-BBCE-3CB21AD46C86}" srcOrd="0" destOrd="0" presId="urn:microsoft.com/office/officeart/2008/layout/CircularPictureCallout"/>
    <dgm:cxn modelId="{3B0F11E8-6EE1-4AC7-9BF4-3A72CE31EC49}" type="presParOf" srcId="{81781A11-0955-4935-AEF1-02C1DC652CAB}" destId="{055C0AE6-3C43-46F1-AD86-CE248F7110F1}" srcOrd="5" destOrd="0" presId="urn:microsoft.com/office/officeart/2008/layout/CircularPictureCallout"/>
    <dgm:cxn modelId="{6E442F78-7EDF-4555-BB43-DDD0CF31F569}" type="presParOf" srcId="{055C0AE6-3C43-46F1-AD86-CE248F7110F1}" destId="{E4A100AA-7897-44FD-83BB-91FA85D7174F}" srcOrd="0" destOrd="0" presId="urn:microsoft.com/office/officeart/2008/layout/CircularPictureCallout"/>
    <dgm:cxn modelId="{EAB7EDB0-8169-4B22-A9C1-253A17E7D5FD}" type="presParOf" srcId="{81781A11-0955-4935-AEF1-02C1DC652CAB}" destId="{8BD981FE-7847-44B0-8FFA-9EA9D46949A4}" srcOrd="6" destOrd="0" presId="urn:microsoft.com/office/officeart/2008/layout/CircularPictureCallout"/>
    <dgm:cxn modelId="{1CA704D4-FFBF-490E-9008-E9BC807118A9}" type="presParOf" srcId="{81781A11-0955-4935-AEF1-02C1DC652CAB}" destId="{2B5E74F6-3F33-45CF-A606-F1D7C7122939}" srcOrd="7" destOrd="0" presId="urn:microsoft.com/office/officeart/2008/layout/CircularPictureCallout"/>
    <dgm:cxn modelId="{AF7648E2-617D-4D0A-8882-63B10E0596B2}" type="presParOf" srcId="{2B5E74F6-3F33-45CF-A606-F1D7C7122939}" destId="{7D0D1EF3-A7DF-43EB-B536-34D08EA1DA36}" srcOrd="0" destOrd="0" presId="urn:microsoft.com/office/officeart/2008/layout/CircularPictureCallout"/>
    <dgm:cxn modelId="{AAE8400D-2BC4-43DE-A712-F678DFD6E8B9}" type="presParOf" srcId="{81781A11-0955-4935-AEF1-02C1DC652CAB}" destId="{E9D1105F-18F8-4301-973C-F83D277BC280}" srcOrd="8" destOrd="0" presId="urn:microsoft.com/office/officeart/2008/layout/CircularPictureCallout"/>
    <dgm:cxn modelId="{571024F6-20F6-4796-AB3E-2490389E2620}" type="presParOf" srcId="{E9D1105F-18F8-4301-973C-F83D277BC280}" destId="{8B13DEDD-C4B1-4088-8303-3507C40FDC59}" srcOrd="0" destOrd="0" presId="urn:microsoft.com/office/officeart/2008/layout/CircularPictureCallout"/>
    <dgm:cxn modelId="{F8491119-0AD7-47BE-9E87-07F4B4A19433}" type="presParOf" srcId="{81781A11-0955-4935-AEF1-02C1DC652CAB}" destId="{E7189AAF-CC67-478E-9FA3-0F7A82825827}" srcOrd="9" destOrd="0" presId="urn:microsoft.com/office/officeart/2008/layout/CircularPictureCallout"/>
    <dgm:cxn modelId="{4ADC78D6-1F18-4BAC-B901-A683E65A133F}" type="presParOf" srcId="{81781A11-0955-4935-AEF1-02C1DC652CAB}" destId="{E10055E1-14E0-4719-961E-349D301B9BC2}" srcOrd="10" destOrd="0" presId="urn:microsoft.com/office/officeart/2008/layout/CircularPictureCallout"/>
    <dgm:cxn modelId="{7ACAC728-A020-435B-8901-02A1F1B5EAE7}" type="presParOf" srcId="{E10055E1-14E0-4719-961E-349D301B9BC2}" destId="{54B8AA02-6F43-4BDE-93D6-0F192BA30F44}" srcOrd="0" destOrd="0" presId="urn:microsoft.com/office/officeart/2008/layout/CircularPictureCallout"/>
    <dgm:cxn modelId="{1633680C-2945-4127-9DCB-C71C83D2D649}" type="presParOf" srcId="{81781A11-0955-4935-AEF1-02C1DC652CAB}" destId="{F1DC9C92-ECCD-4382-B701-766866433BC2}" srcOrd="11" destOrd="0" presId="urn:microsoft.com/office/officeart/2008/layout/CircularPictureCallout"/>
    <dgm:cxn modelId="{748323EE-21BC-45FF-8AE4-7FBE18B658F6}" type="presParOf" srcId="{F1DC9C92-ECCD-4382-B701-766866433BC2}" destId="{62DFC1A8-AA80-41F1-8F18-E4F8230DC319}" srcOrd="0" destOrd="0" presId="urn:microsoft.com/office/officeart/2008/layout/CircularPictureCallout"/>
    <dgm:cxn modelId="{78BB0718-0E57-4A18-9AFB-BB7FF1D4EBE0}" type="presParOf" srcId="{81781A11-0955-4935-AEF1-02C1DC652CAB}" destId="{619A0476-1D2B-489D-A32C-373D84724B06}" srcOrd="12" destOrd="0" presId="urn:microsoft.com/office/officeart/2008/layout/CircularPictureCallout"/>
    <dgm:cxn modelId="{C17BE296-5089-4E57-A089-9A10AB1B9751}" type="presParOf" srcId="{81781A11-0955-4935-AEF1-02C1DC652CAB}" destId="{5DE7C11F-7040-4269-AD37-E07AB4D57776}" srcOrd="13" destOrd="0" presId="urn:microsoft.com/office/officeart/2008/layout/CircularPictureCallout"/>
    <dgm:cxn modelId="{8860B5D7-013D-4ADB-B314-4A74E037B26C}" type="presParOf" srcId="{5DE7C11F-7040-4269-AD37-E07AB4D57776}" destId="{3CAB3045-6DB6-4851-A91D-F322AFE6A560}" srcOrd="0" destOrd="0" presId="urn:microsoft.com/office/officeart/2008/layout/CircularPictureCallout"/>
    <dgm:cxn modelId="{277ED38D-4717-45B8-8337-467960FF2238}" type="presParOf" srcId="{81781A11-0955-4935-AEF1-02C1DC652CAB}" destId="{92B42BD6-0942-45D2-9919-88B5EAE28AC3}" srcOrd="14" destOrd="0" presId="urn:microsoft.com/office/officeart/2008/layout/CircularPictureCallout"/>
    <dgm:cxn modelId="{AF06BCD4-31AB-475B-B934-847311A83AED}" type="presParOf" srcId="{92B42BD6-0942-45D2-9919-88B5EAE28AC3}" destId="{C1522237-0681-4188-AE19-E2699B31FF9E}" srcOrd="0" destOrd="0" presId="urn:microsoft.com/office/officeart/2008/layout/CircularPictureCallout"/>
    <dgm:cxn modelId="{1C0B18D1-5A7E-4F79-BDA9-A2688418628D}" type="presParOf" srcId="{81781A11-0955-4935-AEF1-02C1DC652CAB}" destId="{144E3700-AB4F-416A-A5D7-F29A4C01019B}" srcOrd="15" destOrd="0" presId="urn:microsoft.com/office/officeart/2008/layout/CircularPictureCallout"/>
    <dgm:cxn modelId="{A02D3807-DA8F-42C3-849D-B0E57FEB4066}" type="presParOf" srcId="{81781A11-0955-4935-AEF1-02C1DC652CAB}" destId="{8E5602F8-6A6E-4B80-9E9D-166489F81015}" srcOrd="16" destOrd="0" presId="urn:microsoft.com/office/officeart/2008/layout/CircularPictureCallout"/>
    <dgm:cxn modelId="{E43B2293-3BA5-432C-89AD-A24498A49D10}" type="presParOf" srcId="{8E5602F8-6A6E-4B80-9E9D-166489F81015}" destId="{25489104-6C09-4A9A-A484-AFBF50E6C4A9}" srcOrd="0" destOrd="0" presId="urn:microsoft.com/office/officeart/2008/layout/CircularPictureCallout"/>
    <dgm:cxn modelId="{C6B3CD57-E8FC-406B-A650-2F5CCC2AA1EF}" type="presParOf" srcId="{81781A11-0955-4935-AEF1-02C1DC652CAB}" destId="{3BC6A66B-37B2-49DA-8E22-6438E7C7E8BB}" srcOrd="17" destOrd="0" presId="urn:microsoft.com/office/officeart/2008/layout/CircularPictureCallout"/>
    <dgm:cxn modelId="{8FB322EC-C362-46A4-A686-28F258D54FAC}" type="presParOf" srcId="{3BC6A66B-37B2-49DA-8E22-6438E7C7E8BB}" destId="{BD408BD6-6AF1-454E-87EF-C9D5193B1996}" srcOrd="0" destOrd="0" presId="urn:microsoft.com/office/officeart/2008/layout/CircularPictureCallout"/>
    <dgm:cxn modelId="{7A5F32E1-8B2A-4651-9A79-4578CC9C6642}" type="presParOf" srcId="{81781A11-0955-4935-AEF1-02C1DC652CAB}" destId="{4F4F9471-29F7-40F9-9A65-AC5C8A55C48F}" srcOrd="18" destOrd="0" presId="urn:microsoft.com/office/officeart/2008/layout/CircularPictureCallout"/>
    <dgm:cxn modelId="{F75989A6-64C3-4458-8182-D4D8745E33C7}" type="presParOf" srcId="{81781A11-0955-4935-AEF1-02C1DC652CAB}" destId="{25E65493-DC1D-4280-B15C-EF8D01881C93}" srcOrd="19" destOrd="0" presId="urn:microsoft.com/office/officeart/2008/layout/CircularPictureCallout"/>
    <dgm:cxn modelId="{A79EFE56-296C-4334-8E8E-627D2345EE13}" type="presParOf" srcId="{25E65493-DC1D-4280-B15C-EF8D01881C93}" destId="{BB521067-794A-473E-BA3C-0D09780D3F08}" srcOrd="0" destOrd="0" presId="urn:microsoft.com/office/officeart/2008/layout/CircularPictureCallou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38CDD1D6-F7FE-428F-98FB-67DE601B8C2E}" type="doc">
      <dgm:prSet loTypeId="urn:microsoft.com/office/officeart/2005/8/layout/vList2" loCatId="list" qsTypeId="urn:microsoft.com/office/officeart/2005/8/quickstyle/simple1" qsCatId="simple" csTypeId="urn:microsoft.com/office/officeart/2005/8/colors/colorful2" csCatId="colorful" phldr="1"/>
      <dgm:spPr/>
      <dgm:t>
        <a:bodyPr/>
        <a:lstStyle/>
        <a:p>
          <a:endParaRPr lang="LID4096"/>
        </a:p>
      </dgm:t>
    </dgm:pt>
    <dgm:pt modelId="{F0B0B35B-DF20-4866-B58F-23A24A65FCB8}">
      <dgm:prSet/>
      <dgm:spPr/>
      <dgm:t>
        <a:bodyPr/>
        <a:lstStyle/>
        <a:p>
          <a:r>
            <a:rPr lang="en-US"/>
            <a:t>Create an account on </a:t>
          </a:r>
          <a:r>
            <a:rPr lang="en-US">
              <a:hlinkClick xmlns:r="http://schemas.openxmlformats.org/officeDocument/2006/relationships" r:id="rId1"/>
            </a:rPr>
            <a:t>Autodesk</a:t>
          </a:r>
          <a:r>
            <a:rPr lang="en-US"/>
            <a:t> (use @tec.mx e-mail)</a:t>
          </a:r>
          <a:endParaRPr lang="en-DK"/>
        </a:p>
      </dgm:t>
    </dgm:pt>
    <dgm:pt modelId="{4A625C22-163F-48CC-A5D4-6E4924D1640B}" type="parTrans" cxnId="{838C1F25-2C52-447A-AA96-C1A324D94D10}">
      <dgm:prSet/>
      <dgm:spPr/>
      <dgm:t>
        <a:bodyPr/>
        <a:lstStyle/>
        <a:p>
          <a:endParaRPr lang="LID4096"/>
        </a:p>
      </dgm:t>
    </dgm:pt>
    <dgm:pt modelId="{5A11ED4D-C1BF-4D94-A34B-B6E04CADD058}" type="sibTrans" cxnId="{838C1F25-2C52-447A-AA96-C1A324D94D10}">
      <dgm:prSet/>
      <dgm:spPr/>
      <dgm:t>
        <a:bodyPr/>
        <a:lstStyle/>
        <a:p>
          <a:endParaRPr lang="LID4096"/>
        </a:p>
      </dgm:t>
    </dgm:pt>
    <dgm:pt modelId="{36C41194-4EB8-4A2F-8B0F-7D9B9AB8133A}">
      <dgm:prSet/>
      <dgm:spPr/>
      <dgm:t>
        <a:bodyPr/>
        <a:lstStyle/>
        <a:p>
          <a:r>
            <a:rPr lang="en-US"/>
            <a:t>Join our Autodesk group from the invitation e-mail received yesterday</a:t>
          </a:r>
          <a:endParaRPr lang="en-DK"/>
        </a:p>
      </dgm:t>
    </dgm:pt>
    <dgm:pt modelId="{84B147AA-6615-41F9-9C7A-477E8ADFA911}" type="parTrans" cxnId="{387F0285-C469-4FD8-A96A-F51714F571ED}">
      <dgm:prSet/>
      <dgm:spPr/>
      <dgm:t>
        <a:bodyPr/>
        <a:lstStyle/>
        <a:p>
          <a:endParaRPr lang="LID4096"/>
        </a:p>
      </dgm:t>
    </dgm:pt>
    <dgm:pt modelId="{BE5FA832-4C81-4E3A-8505-B876410411D0}" type="sibTrans" cxnId="{387F0285-C469-4FD8-A96A-F51714F571ED}">
      <dgm:prSet/>
      <dgm:spPr/>
      <dgm:t>
        <a:bodyPr/>
        <a:lstStyle/>
        <a:p>
          <a:endParaRPr lang="LID4096"/>
        </a:p>
      </dgm:t>
    </dgm:pt>
    <dgm:pt modelId="{BB266105-6C18-48AD-892C-4DAF662BBC63}">
      <dgm:prSet/>
      <dgm:spPr/>
      <dgm:t>
        <a:bodyPr/>
        <a:lstStyle/>
        <a:p>
          <a:r>
            <a:rPr lang="en-US">
              <a:hlinkClick xmlns:r="http://schemas.openxmlformats.org/officeDocument/2006/relationships" r:id="rId2"/>
            </a:rPr>
            <a:t>Download and install EAGLE</a:t>
          </a:r>
          <a:endParaRPr lang="en-DK"/>
        </a:p>
      </dgm:t>
    </dgm:pt>
    <dgm:pt modelId="{D4DEF1F8-10A2-4BB5-B2EA-A0BC2A11C618}" type="parTrans" cxnId="{74377BE1-9935-418A-A5C5-73F761198097}">
      <dgm:prSet/>
      <dgm:spPr/>
      <dgm:t>
        <a:bodyPr/>
        <a:lstStyle/>
        <a:p>
          <a:endParaRPr lang="LID4096"/>
        </a:p>
      </dgm:t>
    </dgm:pt>
    <dgm:pt modelId="{15ABD29B-9846-4D51-9716-4D545777E7A4}" type="sibTrans" cxnId="{74377BE1-9935-418A-A5C5-73F761198097}">
      <dgm:prSet/>
      <dgm:spPr/>
      <dgm:t>
        <a:bodyPr/>
        <a:lstStyle/>
        <a:p>
          <a:endParaRPr lang="LID4096"/>
        </a:p>
      </dgm:t>
    </dgm:pt>
    <dgm:pt modelId="{A9AE667F-891F-4A00-A63D-344458E8EB0F}">
      <dgm:prSet/>
      <dgm:spPr/>
      <dgm:t>
        <a:bodyPr/>
        <a:lstStyle/>
        <a:p>
          <a:r>
            <a:rPr lang="en-US"/>
            <a:t>Open an account on </a:t>
          </a:r>
          <a:r>
            <a:rPr lang="en-US">
              <a:hlinkClick xmlns:r="http://schemas.openxmlformats.org/officeDocument/2006/relationships" r:id="rId3"/>
            </a:rPr>
            <a:t>GitHub</a:t>
          </a:r>
          <a:r>
            <a:rPr lang="en-US"/>
            <a:t> (use @tec.mx e-mail)</a:t>
          </a:r>
          <a:endParaRPr lang="en-DK"/>
        </a:p>
      </dgm:t>
    </dgm:pt>
    <dgm:pt modelId="{A71426D9-8C66-47E8-A9BF-75B558EFD690}" type="parTrans" cxnId="{B2AF68A7-AE8F-4E29-8AFE-6904C9928742}">
      <dgm:prSet/>
      <dgm:spPr/>
      <dgm:t>
        <a:bodyPr/>
        <a:lstStyle/>
        <a:p>
          <a:endParaRPr lang="LID4096"/>
        </a:p>
      </dgm:t>
    </dgm:pt>
    <dgm:pt modelId="{6D54CA9A-3F94-4995-890F-C730EB1F9030}" type="sibTrans" cxnId="{B2AF68A7-AE8F-4E29-8AFE-6904C9928742}">
      <dgm:prSet/>
      <dgm:spPr/>
      <dgm:t>
        <a:bodyPr/>
        <a:lstStyle/>
        <a:p>
          <a:endParaRPr lang="LID4096"/>
        </a:p>
      </dgm:t>
    </dgm:pt>
    <dgm:pt modelId="{6E35BC95-E22D-4160-9657-5AEFF2D9235F}">
      <dgm:prSet/>
      <dgm:spPr/>
      <dgm:t>
        <a:bodyPr/>
        <a:lstStyle/>
        <a:p>
          <a:r>
            <a:rPr lang="en-US"/>
            <a:t>Create a repository for the class</a:t>
          </a:r>
          <a:endParaRPr lang="en-DK"/>
        </a:p>
      </dgm:t>
    </dgm:pt>
    <dgm:pt modelId="{5729653A-D7E3-4363-A82E-EA5206E66990}" type="parTrans" cxnId="{98BF3AEE-22CF-4334-876E-8BA6737C8328}">
      <dgm:prSet/>
      <dgm:spPr/>
      <dgm:t>
        <a:bodyPr/>
        <a:lstStyle/>
        <a:p>
          <a:endParaRPr lang="LID4096"/>
        </a:p>
      </dgm:t>
    </dgm:pt>
    <dgm:pt modelId="{2B3628AD-614A-4CDB-9A1D-0B8975A63FBE}" type="sibTrans" cxnId="{98BF3AEE-22CF-4334-876E-8BA6737C8328}">
      <dgm:prSet/>
      <dgm:spPr/>
      <dgm:t>
        <a:bodyPr/>
        <a:lstStyle/>
        <a:p>
          <a:endParaRPr lang="LID4096"/>
        </a:p>
      </dgm:t>
    </dgm:pt>
    <dgm:pt modelId="{70003FF3-E31C-4AC3-AB28-65A98F6BBBF3}">
      <dgm:prSet/>
      <dgm:spPr/>
      <dgm:t>
        <a:bodyPr/>
        <a:lstStyle/>
        <a:p>
          <a:r>
            <a:rPr lang="en-US">
              <a:hlinkClick xmlns:r="http://schemas.openxmlformats.org/officeDocument/2006/relationships" r:id="rId4"/>
            </a:rPr>
            <a:t>Download and install GitKraken </a:t>
          </a:r>
          <a:endParaRPr lang="en-DK"/>
        </a:p>
      </dgm:t>
    </dgm:pt>
    <dgm:pt modelId="{F5E8B7D5-A4B9-42C4-A8DF-424A5FC313A1}" type="parTrans" cxnId="{A5E8A8A6-2352-4A1D-ABB1-59D7C728E7D5}">
      <dgm:prSet/>
      <dgm:spPr/>
      <dgm:t>
        <a:bodyPr/>
        <a:lstStyle/>
        <a:p>
          <a:endParaRPr lang="LID4096"/>
        </a:p>
      </dgm:t>
    </dgm:pt>
    <dgm:pt modelId="{A1116D50-A7B7-45A1-AD13-DC04996352FD}" type="sibTrans" cxnId="{A5E8A8A6-2352-4A1D-ABB1-59D7C728E7D5}">
      <dgm:prSet/>
      <dgm:spPr/>
      <dgm:t>
        <a:bodyPr/>
        <a:lstStyle/>
        <a:p>
          <a:endParaRPr lang="LID4096"/>
        </a:p>
      </dgm:t>
    </dgm:pt>
    <dgm:pt modelId="{38C41A32-383B-4E78-A4C5-5C4F2BD9000E}">
      <dgm:prSet/>
      <dgm:spPr/>
      <dgm:t>
        <a:bodyPr/>
        <a:lstStyle/>
        <a:p>
          <a:r>
            <a:rPr lang="en-US"/>
            <a:t>EAGLE</a:t>
          </a:r>
          <a:endParaRPr lang="en-DK"/>
        </a:p>
      </dgm:t>
    </dgm:pt>
    <dgm:pt modelId="{C324598E-B48A-497A-9099-A49BFB092E75}" type="parTrans" cxnId="{CBD4F117-4912-44F2-8B83-2C5E85F6F799}">
      <dgm:prSet/>
      <dgm:spPr/>
      <dgm:t>
        <a:bodyPr/>
        <a:lstStyle/>
        <a:p>
          <a:endParaRPr lang="LID4096"/>
        </a:p>
      </dgm:t>
    </dgm:pt>
    <dgm:pt modelId="{F9C0CD30-69C5-4DE5-AAB9-B6E438FD16AD}" type="sibTrans" cxnId="{CBD4F117-4912-44F2-8B83-2C5E85F6F799}">
      <dgm:prSet/>
      <dgm:spPr/>
      <dgm:t>
        <a:bodyPr/>
        <a:lstStyle/>
        <a:p>
          <a:endParaRPr lang="LID4096"/>
        </a:p>
      </dgm:t>
    </dgm:pt>
    <dgm:pt modelId="{1652973B-6836-4216-BD71-5F5A9A6A6755}">
      <dgm:prSet/>
      <dgm:spPr/>
      <dgm:t>
        <a:bodyPr/>
        <a:lstStyle/>
        <a:p>
          <a:r>
            <a:rPr lang="en-US"/>
            <a:t>Slack</a:t>
          </a:r>
          <a:endParaRPr lang="en-DK"/>
        </a:p>
      </dgm:t>
    </dgm:pt>
    <dgm:pt modelId="{6830C112-729D-42FF-BB7B-F477EAA3A3A1}" type="parTrans" cxnId="{ABC79C42-20B1-46DC-9F8E-C8C3F1C570BE}">
      <dgm:prSet/>
      <dgm:spPr/>
      <dgm:t>
        <a:bodyPr/>
        <a:lstStyle/>
        <a:p>
          <a:endParaRPr lang="LID4096"/>
        </a:p>
      </dgm:t>
    </dgm:pt>
    <dgm:pt modelId="{543A00E7-9BE7-485B-A3E4-4126F5B620BC}" type="sibTrans" cxnId="{ABC79C42-20B1-46DC-9F8E-C8C3F1C570BE}">
      <dgm:prSet/>
      <dgm:spPr/>
      <dgm:t>
        <a:bodyPr/>
        <a:lstStyle/>
        <a:p>
          <a:endParaRPr lang="LID4096"/>
        </a:p>
      </dgm:t>
    </dgm:pt>
    <dgm:pt modelId="{12FC66AE-4B0D-4CE7-965B-F66019076A68}">
      <dgm:prSet/>
      <dgm:spPr/>
      <dgm:t>
        <a:bodyPr/>
        <a:lstStyle/>
        <a:p>
          <a:r>
            <a:rPr lang="en-US"/>
            <a:t>Join our group on Slack from the invitation e-mail received yesterday</a:t>
          </a:r>
          <a:endParaRPr lang="en-DK"/>
        </a:p>
      </dgm:t>
    </dgm:pt>
    <dgm:pt modelId="{A2DE07EC-3B0E-410E-8BDF-473DC78CBE6B}" type="parTrans" cxnId="{85A64646-F783-4465-B683-8372DAC4BA43}">
      <dgm:prSet/>
      <dgm:spPr/>
      <dgm:t>
        <a:bodyPr/>
        <a:lstStyle/>
        <a:p>
          <a:endParaRPr lang="LID4096"/>
        </a:p>
      </dgm:t>
    </dgm:pt>
    <dgm:pt modelId="{E9E1B333-8810-475C-9234-DEDCBE210430}" type="sibTrans" cxnId="{85A64646-F783-4465-B683-8372DAC4BA43}">
      <dgm:prSet/>
      <dgm:spPr/>
      <dgm:t>
        <a:bodyPr/>
        <a:lstStyle/>
        <a:p>
          <a:endParaRPr lang="LID4096"/>
        </a:p>
      </dgm:t>
    </dgm:pt>
    <dgm:pt modelId="{39B2654F-BE01-4248-84BF-0782E8BD7BC0}">
      <dgm:prSet/>
      <dgm:spPr/>
      <dgm:t>
        <a:bodyPr/>
        <a:lstStyle/>
        <a:p>
          <a:r>
            <a:rPr lang="en-US"/>
            <a:t>Install </a:t>
          </a:r>
          <a:r>
            <a:rPr lang="en-US">
              <a:hlinkClick xmlns:r="http://schemas.openxmlformats.org/officeDocument/2006/relationships" r:id="rId5"/>
            </a:rPr>
            <a:t>Slack</a:t>
          </a:r>
          <a:r>
            <a:rPr lang="en-US"/>
            <a:t> app on your mobile or PC/Mac</a:t>
          </a:r>
          <a:endParaRPr lang="en-DK"/>
        </a:p>
      </dgm:t>
    </dgm:pt>
    <dgm:pt modelId="{6D25448B-DF8E-427C-BD14-2409977071CA}" type="parTrans" cxnId="{47FA5403-766D-40A2-9EAA-8BAC606D36BD}">
      <dgm:prSet/>
      <dgm:spPr/>
      <dgm:t>
        <a:bodyPr/>
        <a:lstStyle/>
        <a:p>
          <a:endParaRPr lang="LID4096"/>
        </a:p>
      </dgm:t>
    </dgm:pt>
    <dgm:pt modelId="{E5F02032-1D32-4E25-847D-3D58F0CB3EEC}" type="sibTrans" cxnId="{47FA5403-766D-40A2-9EAA-8BAC606D36BD}">
      <dgm:prSet/>
      <dgm:spPr/>
      <dgm:t>
        <a:bodyPr/>
        <a:lstStyle/>
        <a:p>
          <a:endParaRPr lang="LID4096"/>
        </a:p>
      </dgm:t>
    </dgm:pt>
    <dgm:pt modelId="{332B33DD-558F-41F3-962C-BA40C6423CBE}">
      <dgm:prSet/>
      <dgm:spPr/>
      <dgm:t>
        <a:bodyPr/>
        <a:lstStyle/>
        <a:p>
          <a:r>
            <a:rPr lang="en-US"/>
            <a:t>GitHub</a:t>
          </a:r>
          <a:endParaRPr lang="en-DK"/>
        </a:p>
      </dgm:t>
    </dgm:pt>
    <dgm:pt modelId="{E35BB46B-2BD1-4F91-A3E9-74AF016A3920}" type="parTrans" cxnId="{E85EF8B6-FB53-4C06-A204-2E7B7AC759DC}">
      <dgm:prSet/>
      <dgm:spPr/>
      <dgm:t>
        <a:bodyPr/>
        <a:lstStyle/>
        <a:p>
          <a:endParaRPr lang="LID4096"/>
        </a:p>
      </dgm:t>
    </dgm:pt>
    <dgm:pt modelId="{10DFFF90-C0D5-4C0E-836A-5E8E1F906B48}" type="sibTrans" cxnId="{E85EF8B6-FB53-4C06-A204-2E7B7AC759DC}">
      <dgm:prSet/>
      <dgm:spPr/>
      <dgm:t>
        <a:bodyPr/>
        <a:lstStyle/>
        <a:p>
          <a:endParaRPr lang="LID4096"/>
        </a:p>
      </dgm:t>
    </dgm:pt>
    <dgm:pt modelId="{B7C02F74-A0B3-461E-A1AF-A197BE768FFB}">
      <dgm:prSet/>
      <dgm:spPr/>
      <dgm:t>
        <a:bodyPr/>
        <a:lstStyle/>
        <a:p>
          <a:r>
            <a:rPr lang="en-US">
              <a:hlinkClick xmlns:r="http://schemas.openxmlformats.org/officeDocument/2006/relationships" r:id="rId6"/>
            </a:rPr>
            <a:t>Make sure you can push your files from GitKraken </a:t>
          </a:r>
          <a:r>
            <a:rPr lang="en-US"/>
            <a:t>to your repository</a:t>
          </a:r>
          <a:endParaRPr lang="en-DK"/>
        </a:p>
      </dgm:t>
    </dgm:pt>
    <dgm:pt modelId="{57FA475D-7E92-49D9-B888-EC4BC0BF0D75}" type="parTrans" cxnId="{11232CAD-D18D-4AAF-98DB-70FBC22821A8}">
      <dgm:prSet/>
      <dgm:spPr/>
      <dgm:t>
        <a:bodyPr/>
        <a:lstStyle/>
        <a:p>
          <a:endParaRPr lang="LID4096"/>
        </a:p>
      </dgm:t>
    </dgm:pt>
    <dgm:pt modelId="{55C5345A-14D2-4F0D-87CE-A0B033EB7CEB}" type="sibTrans" cxnId="{11232CAD-D18D-4AAF-98DB-70FBC22821A8}">
      <dgm:prSet/>
      <dgm:spPr/>
      <dgm:t>
        <a:bodyPr/>
        <a:lstStyle/>
        <a:p>
          <a:endParaRPr lang="LID4096"/>
        </a:p>
      </dgm:t>
    </dgm:pt>
    <dgm:pt modelId="{7E6B56F0-8F1F-45AC-94EC-4DEB3669F9E1}">
      <dgm:prSet/>
      <dgm:spPr/>
      <dgm:t>
        <a:bodyPr/>
        <a:lstStyle/>
        <a:p>
          <a:r>
            <a:rPr lang="en-US"/>
            <a:t>MPLAB X</a:t>
          </a:r>
          <a:endParaRPr lang="en-DK"/>
        </a:p>
      </dgm:t>
    </dgm:pt>
    <dgm:pt modelId="{00B22172-FBA6-43E6-B8EB-9B3BBCACFF70}" type="parTrans" cxnId="{03D78A7D-CEE9-4B43-84DB-CAB677BB693D}">
      <dgm:prSet/>
      <dgm:spPr/>
      <dgm:t>
        <a:bodyPr/>
        <a:lstStyle/>
        <a:p>
          <a:endParaRPr lang="LID4096"/>
        </a:p>
      </dgm:t>
    </dgm:pt>
    <dgm:pt modelId="{00475E18-3A6C-4261-A2FE-7769AABAB81F}" type="sibTrans" cxnId="{03D78A7D-CEE9-4B43-84DB-CAB677BB693D}">
      <dgm:prSet/>
      <dgm:spPr/>
      <dgm:t>
        <a:bodyPr/>
        <a:lstStyle/>
        <a:p>
          <a:endParaRPr lang="LID4096"/>
        </a:p>
      </dgm:t>
    </dgm:pt>
    <dgm:pt modelId="{5B7320A2-28AF-4708-A818-7FC6AB30F888}">
      <dgm:prSet/>
      <dgm:spPr/>
      <dgm:t>
        <a:bodyPr/>
        <a:lstStyle/>
        <a:p>
          <a:r>
            <a:rPr lang="en-US">
              <a:hlinkClick xmlns:r="http://schemas.openxmlformats.org/officeDocument/2006/relationships" r:id="rId7"/>
            </a:rPr>
            <a:t>Download MPLAB X from Microchip website </a:t>
          </a:r>
          <a:r>
            <a:rPr lang="en-US"/>
            <a:t>and install it</a:t>
          </a:r>
          <a:endParaRPr lang="en-DK"/>
        </a:p>
      </dgm:t>
    </dgm:pt>
    <dgm:pt modelId="{D7AA0E5B-FCB9-4CB2-B2E3-4F0F77C2A895}" type="parTrans" cxnId="{7EC357AA-870B-49F9-9EC4-346A47BD4BA8}">
      <dgm:prSet/>
      <dgm:spPr/>
      <dgm:t>
        <a:bodyPr/>
        <a:lstStyle/>
        <a:p>
          <a:endParaRPr lang="LID4096"/>
        </a:p>
      </dgm:t>
    </dgm:pt>
    <dgm:pt modelId="{82B93E67-5054-4D98-A2F4-A8E137EE8B59}" type="sibTrans" cxnId="{7EC357AA-870B-49F9-9EC4-346A47BD4BA8}">
      <dgm:prSet/>
      <dgm:spPr/>
      <dgm:t>
        <a:bodyPr/>
        <a:lstStyle/>
        <a:p>
          <a:endParaRPr lang="LID4096"/>
        </a:p>
      </dgm:t>
    </dgm:pt>
    <dgm:pt modelId="{0782BDB3-5A81-4D71-9A1D-53C0A10AE557}">
      <dgm:prSet/>
      <dgm:spPr/>
      <dgm:t>
        <a:bodyPr/>
        <a:lstStyle/>
        <a:p>
          <a:r>
            <a:rPr lang="en-US">
              <a:hlinkClick xmlns:r="http://schemas.openxmlformats.org/officeDocument/2006/relationships" r:id="rId8"/>
            </a:rPr>
            <a:t>Download XC8 C compiler from Microchip website</a:t>
          </a:r>
          <a:r>
            <a:rPr lang="en-US"/>
            <a:t> and install it</a:t>
          </a:r>
          <a:endParaRPr lang="en-DK"/>
        </a:p>
      </dgm:t>
    </dgm:pt>
    <dgm:pt modelId="{F671FA3D-C8E6-4907-BBB7-77492E90FEE4}" type="parTrans" cxnId="{F10F6D34-2F0D-4C80-BCC5-3C4460198F78}">
      <dgm:prSet/>
      <dgm:spPr/>
      <dgm:t>
        <a:bodyPr/>
        <a:lstStyle/>
        <a:p>
          <a:endParaRPr lang="LID4096"/>
        </a:p>
      </dgm:t>
    </dgm:pt>
    <dgm:pt modelId="{1034DD82-3489-4E91-8C49-E4A26C264291}" type="sibTrans" cxnId="{F10F6D34-2F0D-4C80-BCC5-3C4460198F78}">
      <dgm:prSet/>
      <dgm:spPr/>
      <dgm:t>
        <a:bodyPr/>
        <a:lstStyle/>
        <a:p>
          <a:endParaRPr lang="LID4096"/>
        </a:p>
      </dgm:t>
    </dgm:pt>
    <dgm:pt modelId="{2CA78348-790E-42C9-A446-AF2C069460DD}" type="pres">
      <dgm:prSet presAssocID="{38CDD1D6-F7FE-428F-98FB-67DE601B8C2E}" presName="linear" presStyleCnt="0">
        <dgm:presLayoutVars>
          <dgm:animLvl val="lvl"/>
          <dgm:resizeHandles val="exact"/>
        </dgm:presLayoutVars>
      </dgm:prSet>
      <dgm:spPr/>
    </dgm:pt>
    <dgm:pt modelId="{F650B33A-3D31-42D1-B963-79B731ADAEB1}" type="pres">
      <dgm:prSet presAssocID="{1652973B-6836-4216-BD71-5F5A9A6A6755}" presName="parentText" presStyleLbl="node1" presStyleIdx="0" presStyleCnt="4">
        <dgm:presLayoutVars>
          <dgm:chMax val="0"/>
          <dgm:bulletEnabled val="1"/>
        </dgm:presLayoutVars>
      </dgm:prSet>
      <dgm:spPr/>
    </dgm:pt>
    <dgm:pt modelId="{B2BFBD75-4167-481F-BE81-7DDAAFA3EE98}" type="pres">
      <dgm:prSet presAssocID="{1652973B-6836-4216-BD71-5F5A9A6A6755}" presName="childText" presStyleLbl="revTx" presStyleIdx="0" presStyleCnt="4">
        <dgm:presLayoutVars>
          <dgm:bulletEnabled val="1"/>
        </dgm:presLayoutVars>
      </dgm:prSet>
      <dgm:spPr/>
    </dgm:pt>
    <dgm:pt modelId="{936B005A-8216-4C5E-AD80-E138ED462C1E}" type="pres">
      <dgm:prSet presAssocID="{38C41A32-383B-4E78-A4C5-5C4F2BD9000E}" presName="parentText" presStyleLbl="node1" presStyleIdx="1" presStyleCnt="4">
        <dgm:presLayoutVars>
          <dgm:chMax val="0"/>
          <dgm:bulletEnabled val="1"/>
        </dgm:presLayoutVars>
      </dgm:prSet>
      <dgm:spPr/>
    </dgm:pt>
    <dgm:pt modelId="{39196FA6-DE87-422C-9CE2-E90E4D369107}" type="pres">
      <dgm:prSet presAssocID="{38C41A32-383B-4E78-A4C5-5C4F2BD9000E}" presName="childText" presStyleLbl="revTx" presStyleIdx="1" presStyleCnt="4">
        <dgm:presLayoutVars>
          <dgm:bulletEnabled val="1"/>
        </dgm:presLayoutVars>
      </dgm:prSet>
      <dgm:spPr/>
    </dgm:pt>
    <dgm:pt modelId="{618A3BDF-068F-49B5-AA8E-25F086B8CD2E}" type="pres">
      <dgm:prSet presAssocID="{7E6B56F0-8F1F-45AC-94EC-4DEB3669F9E1}" presName="parentText" presStyleLbl="node1" presStyleIdx="2" presStyleCnt="4">
        <dgm:presLayoutVars>
          <dgm:chMax val="0"/>
          <dgm:bulletEnabled val="1"/>
        </dgm:presLayoutVars>
      </dgm:prSet>
      <dgm:spPr/>
    </dgm:pt>
    <dgm:pt modelId="{FA7F037F-3F05-41DD-8603-C8189751C225}" type="pres">
      <dgm:prSet presAssocID="{7E6B56F0-8F1F-45AC-94EC-4DEB3669F9E1}" presName="childText" presStyleLbl="revTx" presStyleIdx="2" presStyleCnt="4">
        <dgm:presLayoutVars>
          <dgm:bulletEnabled val="1"/>
        </dgm:presLayoutVars>
      </dgm:prSet>
      <dgm:spPr/>
    </dgm:pt>
    <dgm:pt modelId="{5E86CE9F-486F-45EF-B5F8-EA3A6459981C}" type="pres">
      <dgm:prSet presAssocID="{332B33DD-558F-41F3-962C-BA40C6423CBE}" presName="parentText" presStyleLbl="node1" presStyleIdx="3" presStyleCnt="4">
        <dgm:presLayoutVars>
          <dgm:chMax val="0"/>
          <dgm:bulletEnabled val="1"/>
        </dgm:presLayoutVars>
      </dgm:prSet>
      <dgm:spPr/>
    </dgm:pt>
    <dgm:pt modelId="{C803D492-116C-4852-81AD-4A39FE1D8FFF}" type="pres">
      <dgm:prSet presAssocID="{332B33DD-558F-41F3-962C-BA40C6423CBE}" presName="childText" presStyleLbl="revTx" presStyleIdx="3" presStyleCnt="4">
        <dgm:presLayoutVars>
          <dgm:bulletEnabled val="1"/>
        </dgm:presLayoutVars>
      </dgm:prSet>
      <dgm:spPr/>
    </dgm:pt>
  </dgm:ptLst>
  <dgm:cxnLst>
    <dgm:cxn modelId="{2DEC6902-477C-45E3-B4CB-4A9ABD1B30C1}" type="presOf" srcId="{12FC66AE-4B0D-4CE7-965B-F66019076A68}" destId="{B2BFBD75-4167-481F-BE81-7DDAAFA3EE98}" srcOrd="0" destOrd="1" presId="urn:microsoft.com/office/officeart/2005/8/layout/vList2"/>
    <dgm:cxn modelId="{47FA5403-766D-40A2-9EAA-8BAC606D36BD}" srcId="{1652973B-6836-4216-BD71-5F5A9A6A6755}" destId="{39B2654F-BE01-4248-84BF-0782E8BD7BC0}" srcOrd="0" destOrd="0" parTransId="{6D25448B-DF8E-427C-BD14-2409977071CA}" sibTransId="{E5F02032-1D32-4E25-847D-3D58F0CB3EEC}"/>
    <dgm:cxn modelId="{BF11F604-7ADF-49E5-820C-76822E7991D4}" type="presOf" srcId="{0782BDB3-5A81-4D71-9A1D-53C0A10AE557}" destId="{FA7F037F-3F05-41DD-8603-C8189751C225}" srcOrd="0" destOrd="1" presId="urn:microsoft.com/office/officeart/2005/8/layout/vList2"/>
    <dgm:cxn modelId="{A41E7D0F-9222-41AA-AC4C-D62DC2E64D58}" type="presOf" srcId="{70003FF3-E31C-4AC3-AB28-65A98F6BBBF3}" destId="{C803D492-116C-4852-81AD-4A39FE1D8FFF}" srcOrd="0" destOrd="2" presId="urn:microsoft.com/office/officeart/2005/8/layout/vList2"/>
    <dgm:cxn modelId="{5C695010-F658-4C94-A224-5F2409BF7663}" type="presOf" srcId="{38CDD1D6-F7FE-428F-98FB-67DE601B8C2E}" destId="{2CA78348-790E-42C9-A446-AF2C069460DD}" srcOrd="0" destOrd="0" presId="urn:microsoft.com/office/officeart/2005/8/layout/vList2"/>
    <dgm:cxn modelId="{CBD4F117-4912-44F2-8B83-2C5E85F6F799}" srcId="{38CDD1D6-F7FE-428F-98FB-67DE601B8C2E}" destId="{38C41A32-383B-4E78-A4C5-5C4F2BD9000E}" srcOrd="1" destOrd="0" parTransId="{C324598E-B48A-497A-9099-A49BFB092E75}" sibTransId="{F9C0CD30-69C5-4DE5-AAB9-B6E438FD16AD}"/>
    <dgm:cxn modelId="{838C1F25-2C52-447A-AA96-C1A324D94D10}" srcId="{38C41A32-383B-4E78-A4C5-5C4F2BD9000E}" destId="{F0B0B35B-DF20-4866-B58F-23A24A65FCB8}" srcOrd="0" destOrd="0" parTransId="{4A625C22-163F-48CC-A5D4-6E4924D1640B}" sibTransId="{5A11ED4D-C1BF-4D94-A34B-B6E04CADD058}"/>
    <dgm:cxn modelId="{AEDA3B2F-7EE7-4534-9B8D-56887033405C}" type="presOf" srcId="{36C41194-4EB8-4A2F-8B0F-7D9B9AB8133A}" destId="{39196FA6-DE87-422C-9CE2-E90E4D369107}" srcOrd="0" destOrd="1" presId="urn:microsoft.com/office/officeart/2005/8/layout/vList2"/>
    <dgm:cxn modelId="{F10F6D34-2F0D-4C80-BCC5-3C4460198F78}" srcId="{7E6B56F0-8F1F-45AC-94EC-4DEB3669F9E1}" destId="{0782BDB3-5A81-4D71-9A1D-53C0A10AE557}" srcOrd="1" destOrd="0" parTransId="{F671FA3D-C8E6-4907-BBB7-77492E90FEE4}" sibTransId="{1034DD82-3489-4E91-8C49-E4A26C264291}"/>
    <dgm:cxn modelId="{6D60D935-8C85-4200-9174-3ACAA954C444}" type="presOf" srcId="{332B33DD-558F-41F3-962C-BA40C6423CBE}" destId="{5E86CE9F-486F-45EF-B5F8-EA3A6459981C}" srcOrd="0" destOrd="0" presId="urn:microsoft.com/office/officeart/2005/8/layout/vList2"/>
    <dgm:cxn modelId="{ABC79C42-20B1-46DC-9F8E-C8C3F1C570BE}" srcId="{38CDD1D6-F7FE-428F-98FB-67DE601B8C2E}" destId="{1652973B-6836-4216-BD71-5F5A9A6A6755}" srcOrd="0" destOrd="0" parTransId="{6830C112-729D-42FF-BB7B-F477EAA3A3A1}" sibTransId="{543A00E7-9BE7-485B-A3E4-4126F5B620BC}"/>
    <dgm:cxn modelId="{85A64646-F783-4465-B683-8372DAC4BA43}" srcId="{1652973B-6836-4216-BD71-5F5A9A6A6755}" destId="{12FC66AE-4B0D-4CE7-965B-F66019076A68}" srcOrd="1" destOrd="0" parTransId="{A2DE07EC-3B0E-410E-8BDF-473DC78CBE6B}" sibTransId="{E9E1B333-8810-475C-9234-DEDCBE210430}"/>
    <dgm:cxn modelId="{27CD904C-F940-4D0C-8B51-7F8D4C5A216A}" type="presOf" srcId="{6E35BC95-E22D-4160-9657-5AEFF2D9235F}" destId="{C803D492-116C-4852-81AD-4A39FE1D8FFF}" srcOrd="0" destOrd="1" presId="urn:microsoft.com/office/officeart/2005/8/layout/vList2"/>
    <dgm:cxn modelId="{F108434D-3515-4FAC-9E87-EF73FB50CB72}" type="presOf" srcId="{1652973B-6836-4216-BD71-5F5A9A6A6755}" destId="{F650B33A-3D31-42D1-B963-79B731ADAEB1}" srcOrd="0" destOrd="0" presId="urn:microsoft.com/office/officeart/2005/8/layout/vList2"/>
    <dgm:cxn modelId="{57776A51-0D7B-429D-B68D-52330D3D3263}" type="presOf" srcId="{38C41A32-383B-4E78-A4C5-5C4F2BD9000E}" destId="{936B005A-8216-4C5E-AD80-E138ED462C1E}" srcOrd="0" destOrd="0" presId="urn:microsoft.com/office/officeart/2005/8/layout/vList2"/>
    <dgm:cxn modelId="{2EC8E053-7CCE-429C-8F70-18D72C7AE200}" type="presOf" srcId="{A9AE667F-891F-4A00-A63D-344458E8EB0F}" destId="{C803D492-116C-4852-81AD-4A39FE1D8FFF}" srcOrd="0" destOrd="0" presId="urn:microsoft.com/office/officeart/2005/8/layout/vList2"/>
    <dgm:cxn modelId="{58B56258-DD79-4E02-A0CD-59C8510E07D4}" type="presOf" srcId="{F0B0B35B-DF20-4866-B58F-23A24A65FCB8}" destId="{39196FA6-DE87-422C-9CE2-E90E4D369107}" srcOrd="0" destOrd="0" presId="urn:microsoft.com/office/officeart/2005/8/layout/vList2"/>
    <dgm:cxn modelId="{03D78A7D-CEE9-4B43-84DB-CAB677BB693D}" srcId="{38CDD1D6-F7FE-428F-98FB-67DE601B8C2E}" destId="{7E6B56F0-8F1F-45AC-94EC-4DEB3669F9E1}" srcOrd="2" destOrd="0" parTransId="{00B22172-FBA6-43E6-B8EB-9B3BBCACFF70}" sibTransId="{00475E18-3A6C-4261-A2FE-7769AABAB81F}"/>
    <dgm:cxn modelId="{9D7C867E-5819-4214-8FDD-5049CF524A79}" type="presOf" srcId="{7E6B56F0-8F1F-45AC-94EC-4DEB3669F9E1}" destId="{618A3BDF-068F-49B5-AA8E-25F086B8CD2E}" srcOrd="0" destOrd="0" presId="urn:microsoft.com/office/officeart/2005/8/layout/vList2"/>
    <dgm:cxn modelId="{387F0285-C469-4FD8-A96A-F51714F571ED}" srcId="{38C41A32-383B-4E78-A4C5-5C4F2BD9000E}" destId="{36C41194-4EB8-4A2F-8B0F-7D9B9AB8133A}" srcOrd="1" destOrd="0" parTransId="{84B147AA-6615-41F9-9C7A-477E8ADFA911}" sibTransId="{BE5FA832-4C81-4E3A-8505-B876410411D0}"/>
    <dgm:cxn modelId="{A5E8A8A6-2352-4A1D-ABB1-59D7C728E7D5}" srcId="{332B33DD-558F-41F3-962C-BA40C6423CBE}" destId="{70003FF3-E31C-4AC3-AB28-65A98F6BBBF3}" srcOrd="2" destOrd="0" parTransId="{F5E8B7D5-A4B9-42C4-A8DF-424A5FC313A1}" sibTransId="{A1116D50-A7B7-45A1-AD13-DC04996352FD}"/>
    <dgm:cxn modelId="{B2AF68A7-AE8F-4E29-8AFE-6904C9928742}" srcId="{332B33DD-558F-41F3-962C-BA40C6423CBE}" destId="{A9AE667F-891F-4A00-A63D-344458E8EB0F}" srcOrd="0" destOrd="0" parTransId="{A71426D9-8C66-47E8-A9BF-75B558EFD690}" sibTransId="{6D54CA9A-3F94-4995-890F-C730EB1F9030}"/>
    <dgm:cxn modelId="{7EC357AA-870B-49F9-9EC4-346A47BD4BA8}" srcId="{7E6B56F0-8F1F-45AC-94EC-4DEB3669F9E1}" destId="{5B7320A2-28AF-4708-A818-7FC6AB30F888}" srcOrd="0" destOrd="0" parTransId="{D7AA0E5B-FCB9-4CB2-B2E3-4F0F77C2A895}" sibTransId="{82B93E67-5054-4D98-A2F4-A8E137EE8B59}"/>
    <dgm:cxn modelId="{11232CAD-D18D-4AAF-98DB-70FBC22821A8}" srcId="{332B33DD-558F-41F3-962C-BA40C6423CBE}" destId="{B7C02F74-A0B3-461E-A1AF-A197BE768FFB}" srcOrd="3" destOrd="0" parTransId="{57FA475D-7E92-49D9-B888-EC4BC0BF0D75}" sibTransId="{55C5345A-14D2-4F0D-87CE-A0B033EB7CEB}"/>
    <dgm:cxn modelId="{E85EF8B6-FB53-4C06-A204-2E7B7AC759DC}" srcId="{38CDD1D6-F7FE-428F-98FB-67DE601B8C2E}" destId="{332B33DD-558F-41F3-962C-BA40C6423CBE}" srcOrd="3" destOrd="0" parTransId="{E35BB46B-2BD1-4F91-A3E9-74AF016A3920}" sibTransId="{10DFFF90-C0D5-4C0E-836A-5E8E1F906B48}"/>
    <dgm:cxn modelId="{471B13C3-C9E8-40D5-A8DD-63D80E69598C}" type="presOf" srcId="{39B2654F-BE01-4248-84BF-0782E8BD7BC0}" destId="{B2BFBD75-4167-481F-BE81-7DDAAFA3EE98}" srcOrd="0" destOrd="0" presId="urn:microsoft.com/office/officeart/2005/8/layout/vList2"/>
    <dgm:cxn modelId="{63AB39CB-712B-4527-A6ED-1CF45D6317E5}" type="presOf" srcId="{5B7320A2-28AF-4708-A818-7FC6AB30F888}" destId="{FA7F037F-3F05-41DD-8603-C8189751C225}" srcOrd="0" destOrd="0" presId="urn:microsoft.com/office/officeart/2005/8/layout/vList2"/>
    <dgm:cxn modelId="{D69B68CE-52AD-4917-B2CD-D7BC6B0E29D1}" type="presOf" srcId="{BB266105-6C18-48AD-892C-4DAF662BBC63}" destId="{39196FA6-DE87-422C-9CE2-E90E4D369107}" srcOrd="0" destOrd="2" presId="urn:microsoft.com/office/officeart/2005/8/layout/vList2"/>
    <dgm:cxn modelId="{74377BE1-9935-418A-A5C5-73F761198097}" srcId="{38C41A32-383B-4E78-A4C5-5C4F2BD9000E}" destId="{BB266105-6C18-48AD-892C-4DAF662BBC63}" srcOrd="2" destOrd="0" parTransId="{D4DEF1F8-10A2-4BB5-B2EA-A0BC2A11C618}" sibTransId="{15ABD29B-9846-4D51-9716-4D545777E7A4}"/>
    <dgm:cxn modelId="{98BF3AEE-22CF-4334-876E-8BA6737C8328}" srcId="{332B33DD-558F-41F3-962C-BA40C6423CBE}" destId="{6E35BC95-E22D-4160-9657-5AEFF2D9235F}" srcOrd="1" destOrd="0" parTransId="{5729653A-D7E3-4363-A82E-EA5206E66990}" sibTransId="{2B3628AD-614A-4CDB-9A1D-0B8975A63FBE}"/>
    <dgm:cxn modelId="{195DDBF5-21B0-457D-8252-3C93682D2936}" type="presOf" srcId="{B7C02F74-A0B3-461E-A1AF-A197BE768FFB}" destId="{C803D492-116C-4852-81AD-4A39FE1D8FFF}" srcOrd="0" destOrd="3" presId="urn:microsoft.com/office/officeart/2005/8/layout/vList2"/>
    <dgm:cxn modelId="{C0C4A6AF-AD61-4B79-87F8-0B791BCE277E}" type="presParOf" srcId="{2CA78348-790E-42C9-A446-AF2C069460DD}" destId="{F650B33A-3D31-42D1-B963-79B731ADAEB1}" srcOrd="0" destOrd="0" presId="urn:microsoft.com/office/officeart/2005/8/layout/vList2"/>
    <dgm:cxn modelId="{528EF805-A38A-48B8-AB4B-2B908DD0BF12}" type="presParOf" srcId="{2CA78348-790E-42C9-A446-AF2C069460DD}" destId="{B2BFBD75-4167-481F-BE81-7DDAAFA3EE98}" srcOrd="1" destOrd="0" presId="urn:microsoft.com/office/officeart/2005/8/layout/vList2"/>
    <dgm:cxn modelId="{B9C9EBEA-DB5E-401E-A31A-59CBD00B48B6}" type="presParOf" srcId="{2CA78348-790E-42C9-A446-AF2C069460DD}" destId="{936B005A-8216-4C5E-AD80-E138ED462C1E}" srcOrd="2" destOrd="0" presId="urn:microsoft.com/office/officeart/2005/8/layout/vList2"/>
    <dgm:cxn modelId="{5D7594E1-0C14-4839-9EC6-612F17FE5B3C}" type="presParOf" srcId="{2CA78348-790E-42C9-A446-AF2C069460DD}" destId="{39196FA6-DE87-422C-9CE2-E90E4D369107}" srcOrd="3" destOrd="0" presId="urn:microsoft.com/office/officeart/2005/8/layout/vList2"/>
    <dgm:cxn modelId="{80A1425A-A625-4561-937C-FD8654B57EFB}" type="presParOf" srcId="{2CA78348-790E-42C9-A446-AF2C069460DD}" destId="{618A3BDF-068F-49B5-AA8E-25F086B8CD2E}" srcOrd="4" destOrd="0" presId="urn:microsoft.com/office/officeart/2005/8/layout/vList2"/>
    <dgm:cxn modelId="{73A1C4D7-FCC0-4FED-9E9B-FCE6AE88F4FA}" type="presParOf" srcId="{2CA78348-790E-42C9-A446-AF2C069460DD}" destId="{FA7F037F-3F05-41DD-8603-C8189751C225}" srcOrd="5" destOrd="0" presId="urn:microsoft.com/office/officeart/2005/8/layout/vList2"/>
    <dgm:cxn modelId="{4E1FB8B8-49E2-47AE-B854-7C7AFD905A9C}" type="presParOf" srcId="{2CA78348-790E-42C9-A446-AF2C069460DD}" destId="{5E86CE9F-486F-45EF-B5F8-EA3A6459981C}" srcOrd="6" destOrd="0" presId="urn:microsoft.com/office/officeart/2005/8/layout/vList2"/>
    <dgm:cxn modelId="{D500DDF7-AF11-4DF3-8D61-C82584644D07}" type="presParOf" srcId="{2CA78348-790E-42C9-A446-AF2C069460DD}" destId="{C803D492-116C-4852-81AD-4A39FE1D8FFF}" srcOrd="7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AC9E158B-7881-459D-AE84-20FE732DFE8C}" type="doc">
      <dgm:prSet loTypeId="urn:microsoft.com/office/officeart/2005/8/layout/vList3" loCatId="list" qsTypeId="urn:microsoft.com/office/officeart/2005/8/quickstyle/simple4" qsCatId="simple" csTypeId="urn:microsoft.com/office/officeart/2005/8/colors/colorful3" csCatId="colorful" phldr="1"/>
      <dgm:spPr/>
      <dgm:t>
        <a:bodyPr/>
        <a:lstStyle/>
        <a:p>
          <a:endParaRPr lang="en-US"/>
        </a:p>
      </dgm:t>
    </dgm:pt>
    <dgm:pt modelId="{826D0B38-869E-4746-9164-53ADE9186460}">
      <dgm:prSet phldrT="[Text]"/>
      <dgm:spPr/>
      <dgm:t>
        <a:bodyPr anchor="ctr"/>
        <a:lstStyle/>
        <a:p>
          <a:pPr>
            <a:buNone/>
          </a:pPr>
          <a:r>
            <a:rPr lang="en-US"/>
            <a:t>1</a:t>
          </a:r>
          <a:r>
            <a:rPr lang="en-US" baseline="30000"/>
            <a:t>st</a:t>
          </a:r>
          <a:r>
            <a:rPr lang="en-US"/>
            <a:t> Term</a:t>
          </a:r>
        </a:p>
      </dgm:t>
    </dgm:pt>
    <dgm:pt modelId="{6D0E8051-D061-45E7-9815-2570BA5A8AE5}" type="parTrans" cxnId="{A10250E3-C3AB-4716-AFC3-E4FD680D687A}">
      <dgm:prSet/>
      <dgm:spPr/>
      <dgm:t>
        <a:bodyPr/>
        <a:lstStyle/>
        <a:p>
          <a:endParaRPr lang="en-US"/>
        </a:p>
      </dgm:t>
    </dgm:pt>
    <dgm:pt modelId="{52AFF987-FEC0-48E4-9302-86D7CD777678}" type="sibTrans" cxnId="{A10250E3-C3AB-4716-AFC3-E4FD680D687A}">
      <dgm:prSet/>
      <dgm:spPr/>
      <dgm:t>
        <a:bodyPr/>
        <a:lstStyle/>
        <a:p>
          <a:endParaRPr lang="en-US"/>
        </a:p>
      </dgm:t>
    </dgm:pt>
    <dgm:pt modelId="{F625EEDD-A249-491E-AF79-7FA17CDD0E20}">
      <dgm:prSet phldrT="[Text]"/>
      <dgm:spPr/>
      <dgm:t>
        <a:bodyPr anchor="ctr"/>
        <a:lstStyle/>
        <a:p>
          <a:pPr>
            <a:buFont typeface="+mj-lt"/>
            <a:buAutoNum type="arabicPeriod"/>
          </a:pPr>
          <a:r>
            <a:rPr lang="en-US"/>
            <a:t>Introduction to microcontrollers</a:t>
          </a:r>
        </a:p>
      </dgm:t>
    </dgm:pt>
    <dgm:pt modelId="{E2913619-6374-4CA1-88FB-DBC8E4BA7F80}" type="parTrans" cxnId="{47E51823-1683-44DB-8FB0-AADE1AF38476}">
      <dgm:prSet/>
      <dgm:spPr/>
      <dgm:t>
        <a:bodyPr/>
        <a:lstStyle/>
        <a:p>
          <a:endParaRPr lang="en-US"/>
        </a:p>
      </dgm:t>
    </dgm:pt>
    <dgm:pt modelId="{A056C82E-FC19-48F7-A78A-2047040CF145}" type="sibTrans" cxnId="{47E51823-1683-44DB-8FB0-AADE1AF38476}">
      <dgm:prSet/>
      <dgm:spPr/>
      <dgm:t>
        <a:bodyPr/>
        <a:lstStyle/>
        <a:p>
          <a:endParaRPr lang="en-US"/>
        </a:p>
      </dgm:t>
    </dgm:pt>
    <dgm:pt modelId="{62F47ADB-477E-494C-8301-F9E87AD8518B}">
      <dgm:prSet phldrT="[Text]"/>
      <dgm:spPr/>
      <dgm:t>
        <a:bodyPr anchor="ctr"/>
        <a:lstStyle/>
        <a:p>
          <a:pPr>
            <a:buNone/>
          </a:pPr>
          <a:r>
            <a:rPr lang="en-US"/>
            <a:t>2</a:t>
          </a:r>
          <a:r>
            <a:rPr lang="en-US" baseline="30000"/>
            <a:t>nd</a:t>
          </a:r>
          <a:r>
            <a:rPr lang="en-US"/>
            <a:t> Term</a:t>
          </a:r>
        </a:p>
      </dgm:t>
    </dgm:pt>
    <dgm:pt modelId="{693117DE-E8CB-4236-8531-503B67F0DEAE}" type="parTrans" cxnId="{CA287268-4B09-46F7-A8FF-F9E4A9387735}">
      <dgm:prSet/>
      <dgm:spPr/>
      <dgm:t>
        <a:bodyPr/>
        <a:lstStyle/>
        <a:p>
          <a:endParaRPr lang="en-US"/>
        </a:p>
      </dgm:t>
    </dgm:pt>
    <dgm:pt modelId="{56F89412-F9EA-40C9-BE85-BE862A9EA8CF}" type="sibTrans" cxnId="{CA287268-4B09-46F7-A8FF-F9E4A9387735}">
      <dgm:prSet/>
      <dgm:spPr/>
      <dgm:t>
        <a:bodyPr/>
        <a:lstStyle/>
        <a:p>
          <a:endParaRPr lang="en-US"/>
        </a:p>
      </dgm:t>
    </dgm:pt>
    <dgm:pt modelId="{6BE6EDDF-AE19-4972-8C99-8038368D1EF4}">
      <dgm:prSet phldrT="[Text]"/>
      <dgm:spPr/>
      <dgm:t>
        <a:bodyPr anchor="ctr"/>
        <a:lstStyle/>
        <a:p>
          <a:pPr>
            <a:buFont typeface="+mj-lt"/>
            <a:buAutoNum type="arabicPeriod"/>
          </a:pPr>
          <a:r>
            <a:rPr lang="en-US"/>
            <a:t>Embedded programming with C</a:t>
          </a:r>
        </a:p>
      </dgm:t>
    </dgm:pt>
    <dgm:pt modelId="{090AC2B1-7921-4589-A5BA-7C7F4D4373C6}" type="parTrans" cxnId="{53EDFB49-AA2D-4595-AFBF-531B90BB5E0E}">
      <dgm:prSet/>
      <dgm:spPr/>
      <dgm:t>
        <a:bodyPr/>
        <a:lstStyle/>
        <a:p>
          <a:endParaRPr lang="en-US"/>
        </a:p>
      </dgm:t>
    </dgm:pt>
    <dgm:pt modelId="{5A9CF2F3-E05E-4F87-AD8D-0740B9E63011}" type="sibTrans" cxnId="{53EDFB49-AA2D-4595-AFBF-531B90BB5E0E}">
      <dgm:prSet/>
      <dgm:spPr/>
      <dgm:t>
        <a:bodyPr/>
        <a:lstStyle/>
        <a:p>
          <a:endParaRPr lang="en-US"/>
        </a:p>
      </dgm:t>
    </dgm:pt>
    <dgm:pt modelId="{AE167921-0524-4523-92B6-96986B4E0560}">
      <dgm:prSet phldrT="[Text]"/>
      <dgm:spPr/>
      <dgm:t>
        <a:bodyPr anchor="ctr"/>
        <a:lstStyle/>
        <a:p>
          <a:pPr>
            <a:buNone/>
          </a:pPr>
          <a:r>
            <a:rPr lang="en-US"/>
            <a:t>Final Term</a:t>
          </a:r>
        </a:p>
      </dgm:t>
    </dgm:pt>
    <dgm:pt modelId="{430FB35B-597A-4B95-9684-78667F7482EF}" type="parTrans" cxnId="{A87FE42D-4AB4-46E1-9791-1052998EE9F9}">
      <dgm:prSet/>
      <dgm:spPr/>
      <dgm:t>
        <a:bodyPr/>
        <a:lstStyle/>
        <a:p>
          <a:endParaRPr lang="en-US"/>
        </a:p>
      </dgm:t>
    </dgm:pt>
    <dgm:pt modelId="{F4EA4609-A25A-4EF9-82E1-AE8C38968A3C}" type="sibTrans" cxnId="{A87FE42D-4AB4-46E1-9791-1052998EE9F9}">
      <dgm:prSet/>
      <dgm:spPr/>
      <dgm:t>
        <a:bodyPr/>
        <a:lstStyle/>
        <a:p>
          <a:endParaRPr lang="en-US"/>
        </a:p>
      </dgm:t>
    </dgm:pt>
    <dgm:pt modelId="{657D08C2-83AE-4E96-B75E-4A97FD8247C1}">
      <dgm:prSet phldrT="[Text]"/>
      <dgm:spPr/>
      <dgm:t>
        <a:bodyPr anchor="ctr"/>
        <a:lstStyle/>
        <a:p>
          <a:pPr>
            <a:buFont typeface="+mj-lt"/>
            <a:buAutoNum type="arabicPeriod"/>
          </a:pPr>
          <a:r>
            <a:rPr lang="en-US"/>
            <a:t>Use of timers</a:t>
          </a:r>
        </a:p>
      </dgm:t>
    </dgm:pt>
    <dgm:pt modelId="{EE71CDD1-54ED-4B15-B7AE-9F5BB6E5AD54}" type="parTrans" cxnId="{E12EB551-1B03-4A04-8823-9D0A329E9DCE}">
      <dgm:prSet/>
      <dgm:spPr/>
      <dgm:t>
        <a:bodyPr/>
        <a:lstStyle/>
        <a:p>
          <a:endParaRPr lang="en-US"/>
        </a:p>
      </dgm:t>
    </dgm:pt>
    <dgm:pt modelId="{80C43C40-50E5-4011-916C-6913D0E2CB41}" type="sibTrans" cxnId="{E12EB551-1B03-4A04-8823-9D0A329E9DCE}">
      <dgm:prSet/>
      <dgm:spPr/>
      <dgm:t>
        <a:bodyPr/>
        <a:lstStyle/>
        <a:p>
          <a:endParaRPr lang="en-US"/>
        </a:p>
      </dgm:t>
    </dgm:pt>
    <dgm:pt modelId="{F3A237D1-9BDE-4756-AE61-2D468D95D416}">
      <dgm:prSet/>
      <dgm:spPr/>
      <dgm:t>
        <a:bodyPr anchor="ctr"/>
        <a:lstStyle/>
        <a:p>
          <a:pPr>
            <a:buFont typeface="+mj-lt"/>
            <a:buAutoNum type="arabicPeriod"/>
          </a:pPr>
          <a:r>
            <a:rPr lang="en-US"/>
            <a:t>PIC18 microcontroller architecture</a:t>
          </a:r>
        </a:p>
      </dgm:t>
    </dgm:pt>
    <dgm:pt modelId="{CE8BAE3F-9786-4669-9B08-BEA19B381E53}" type="parTrans" cxnId="{BE02699F-17F3-40D5-B47B-404FCFC16450}">
      <dgm:prSet/>
      <dgm:spPr/>
      <dgm:t>
        <a:bodyPr/>
        <a:lstStyle/>
        <a:p>
          <a:endParaRPr lang="en-US"/>
        </a:p>
      </dgm:t>
    </dgm:pt>
    <dgm:pt modelId="{D3FBC250-26FD-4693-A69F-71F7055FAEC3}" type="sibTrans" cxnId="{BE02699F-17F3-40D5-B47B-404FCFC16450}">
      <dgm:prSet/>
      <dgm:spPr/>
      <dgm:t>
        <a:bodyPr/>
        <a:lstStyle/>
        <a:p>
          <a:endParaRPr lang="en-US"/>
        </a:p>
      </dgm:t>
    </dgm:pt>
    <dgm:pt modelId="{CE4B9AD9-3005-473F-ABDF-23349E5C486F}">
      <dgm:prSet/>
      <dgm:spPr/>
      <dgm:t>
        <a:bodyPr anchor="ctr"/>
        <a:lstStyle/>
        <a:p>
          <a:pPr>
            <a:buFont typeface="+mj-lt"/>
            <a:buAutoNum type="arabicPeriod"/>
          </a:pPr>
          <a:r>
            <a:rPr lang="en-US"/>
            <a:t>Memory organization in microcontrollers</a:t>
          </a:r>
        </a:p>
      </dgm:t>
    </dgm:pt>
    <dgm:pt modelId="{96A31432-DA33-4B59-BC38-A6B69DE5F2B8}" type="parTrans" cxnId="{A85E3025-D0D4-4910-91CD-87B94800527D}">
      <dgm:prSet/>
      <dgm:spPr/>
      <dgm:t>
        <a:bodyPr/>
        <a:lstStyle/>
        <a:p>
          <a:endParaRPr lang="en-US"/>
        </a:p>
      </dgm:t>
    </dgm:pt>
    <dgm:pt modelId="{96209876-8229-4E86-AAE9-3E0C3B19EF2E}" type="sibTrans" cxnId="{A85E3025-D0D4-4910-91CD-87B94800527D}">
      <dgm:prSet/>
      <dgm:spPr/>
      <dgm:t>
        <a:bodyPr/>
        <a:lstStyle/>
        <a:p>
          <a:endParaRPr lang="en-US"/>
        </a:p>
      </dgm:t>
    </dgm:pt>
    <dgm:pt modelId="{9546305C-CA00-4E9F-A695-AE39C3795A90}">
      <dgm:prSet/>
      <dgm:spPr/>
      <dgm:t>
        <a:bodyPr anchor="ctr"/>
        <a:lstStyle/>
        <a:p>
          <a:pPr>
            <a:buFont typeface="+mj-lt"/>
            <a:buAutoNum type="arabicPeriod"/>
          </a:pPr>
          <a:r>
            <a:rPr lang="en-US"/>
            <a:t>Assembly language for PIC18</a:t>
          </a:r>
        </a:p>
      </dgm:t>
    </dgm:pt>
    <dgm:pt modelId="{A3A37F37-214B-4171-85FC-A839D2161274}" type="parTrans" cxnId="{442E5002-78B1-40F8-BFA9-FA47D613CD74}">
      <dgm:prSet/>
      <dgm:spPr/>
      <dgm:t>
        <a:bodyPr/>
        <a:lstStyle/>
        <a:p>
          <a:endParaRPr lang="en-US"/>
        </a:p>
      </dgm:t>
    </dgm:pt>
    <dgm:pt modelId="{C8DA65EE-2357-4002-BE95-E75F1DEF3718}" type="sibTrans" cxnId="{442E5002-78B1-40F8-BFA9-FA47D613CD74}">
      <dgm:prSet/>
      <dgm:spPr/>
      <dgm:t>
        <a:bodyPr/>
        <a:lstStyle/>
        <a:p>
          <a:endParaRPr lang="en-US"/>
        </a:p>
      </dgm:t>
    </dgm:pt>
    <dgm:pt modelId="{D36D2569-5232-400B-8BBF-C73256BC50BA}">
      <dgm:prSet/>
      <dgm:spPr/>
      <dgm:t>
        <a:bodyPr anchor="ctr"/>
        <a:lstStyle/>
        <a:p>
          <a:pPr>
            <a:buFont typeface="+mj-lt"/>
            <a:buAutoNum type="arabicPeriod"/>
          </a:pPr>
          <a:r>
            <a:rPr lang="en-US"/>
            <a:t>General-purpose input/output (GPIO)</a:t>
          </a:r>
        </a:p>
      </dgm:t>
    </dgm:pt>
    <dgm:pt modelId="{1057D775-8CA7-4510-B08A-595B52B3ACB7}" type="parTrans" cxnId="{68A3AC3C-D43E-4EE3-BBF0-8D0D18AADD4F}">
      <dgm:prSet/>
      <dgm:spPr/>
      <dgm:t>
        <a:bodyPr/>
        <a:lstStyle/>
        <a:p>
          <a:endParaRPr lang="en-US"/>
        </a:p>
      </dgm:t>
    </dgm:pt>
    <dgm:pt modelId="{82C31C74-D1B3-49A5-AAA8-C8761D738F1A}" type="sibTrans" cxnId="{68A3AC3C-D43E-4EE3-BBF0-8D0D18AADD4F}">
      <dgm:prSet/>
      <dgm:spPr/>
      <dgm:t>
        <a:bodyPr/>
        <a:lstStyle/>
        <a:p>
          <a:endParaRPr lang="en-US"/>
        </a:p>
      </dgm:t>
    </dgm:pt>
    <dgm:pt modelId="{23D699B6-1029-45FD-8683-1A60CD7F3844}">
      <dgm:prSet/>
      <dgm:spPr/>
      <dgm:t>
        <a:bodyPr anchor="ctr"/>
        <a:lstStyle/>
        <a:p>
          <a:pPr>
            <a:buFont typeface="+mj-lt"/>
            <a:buAutoNum type="arabicPeriod"/>
          </a:pPr>
          <a:r>
            <a:rPr lang="en-US"/>
            <a:t>Hardware interrupts and interrupt service</a:t>
          </a:r>
        </a:p>
      </dgm:t>
    </dgm:pt>
    <dgm:pt modelId="{E2F49304-79BA-40D4-9678-76478045456C}" type="parTrans" cxnId="{F819F47A-90B9-4A23-BB6C-F1FFC9E0CD68}">
      <dgm:prSet/>
      <dgm:spPr/>
      <dgm:t>
        <a:bodyPr/>
        <a:lstStyle/>
        <a:p>
          <a:endParaRPr lang="en-US"/>
        </a:p>
      </dgm:t>
    </dgm:pt>
    <dgm:pt modelId="{9C11A431-5F7D-46D2-B4F0-3DB50790D51F}" type="sibTrans" cxnId="{F819F47A-90B9-4A23-BB6C-F1FFC9E0CD68}">
      <dgm:prSet/>
      <dgm:spPr/>
      <dgm:t>
        <a:bodyPr/>
        <a:lstStyle/>
        <a:p>
          <a:endParaRPr lang="en-US"/>
        </a:p>
      </dgm:t>
    </dgm:pt>
    <dgm:pt modelId="{46A827CA-7796-4326-B755-52D12A5ACD5E}">
      <dgm:prSet/>
      <dgm:spPr/>
      <dgm:t>
        <a:bodyPr anchor="ctr"/>
        <a:lstStyle/>
        <a:p>
          <a:pPr>
            <a:buFont typeface="+mj-lt"/>
            <a:buAutoNum type="arabicPeriod"/>
          </a:pPr>
          <a:r>
            <a:rPr lang="en-US"/>
            <a:t>Analog to digital conversion</a:t>
          </a:r>
        </a:p>
      </dgm:t>
    </dgm:pt>
    <dgm:pt modelId="{2A2B43F1-7041-48A6-A974-54E9102068BC}" type="parTrans" cxnId="{B76C37FD-8050-4C20-8C8F-66FC2CF6F26C}">
      <dgm:prSet/>
      <dgm:spPr/>
      <dgm:t>
        <a:bodyPr/>
        <a:lstStyle/>
        <a:p>
          <a:endParaRPr lang="en-US"/>
        </a:p>
      </dgm:t>
    </dgm:pt>
    <dgm:pt modelId="{63345978-79D3-4CD0-A303-E5FD6194DB23}" type="sibTrans" cxnId="{B76C37FD-8050-4C20-8C8F-66FC2CF6F26C}">
      <dgm:prSet/>
      <dgm:spPr/>
      <dgm:t>
        <a:bodyPr/>
        <a:lstStyle/>
        <a:p>
          <a:endParaRPr lang="en-US"/>
        </a:p>
      </dgm:t>
    </dgm:pt>
    <dgm:pt modelId="{479EFC89-F9B3-4076-A2A3-FD4367DAF4A8}">
      <dgm:prSet/>
      <dgm:spPr/>
      <dgm:t>
        <a:bodyPr anchor="ctr"/>
        <a:lstStyle/>
        <a:p>
          <a:pPr>
            <a:buFont typeface="+mj-lt"/>
            <a:buAutoNum type="arabicPeriod"/>
          </a:pPr>
          <a:r>
            <a:rPr lang="en-US"/>
            <a:t>Serial communications</a:t>
          </a:r>
          <a:endParaRPr lang="LID4096"/>
        </a:p>
      </dgm:t>
    </dgm:pt>
    <dgm:pt modelId="{5F38C214-BD75-48EC-8E17-B5687952BE23}" type="parTrans" cxnId="{D0B05355-65AF-4CE8-B990-FF6D8302034D}">
      <dgm:prSet/>
      <dgm:spPr/>
      <dgm:t>
        <a:bodyPr/>
        <a:lstStyle/>
        <a:p>
          <a:endParaRPr lang="en-US"/>
        </a:p>
      </dgm:t>
    </dgm:pt>
    <dgm:pt modelId="{000E031B-7B58-4A86-B379-CDF1844A3F23}" type="sibTrans" cxnId="{D0B05355-65AF-4CE8-B990-FF6D8302034D}">
      <dgm:prSet/>
      <dgm:spPr/>
      <dgm:t>
        <a:bodyPr/>
        <a:lstStyle/>
        <a:p>
          <a:endParaRPr lang="en-US"/>
        </a:p>
      </dgm:t>
    </dgm:pt>
    <dgm:pt modelId="{DEEDC63C-643C-4723-B240-F604CA5E6AC1}" type="pres">
      <dgm:prSet presAssocID="{AC9E158B-7881-459D-AE84-20FE732DFE8C}" presName="linearFlow" presStyleCnt="0">
        <dgm:presLayoutVars>
          <dgm:dir/>
          <dgm:resizeHandles val="exact"/>
        </dgm:presLayoutVars>
      </dgm:prSet>
      <dgm:spPr/>
    </dgm:pt>
    <dgm:pt modelId="{DD045256-DEF5-4A5B-AFAA-5FC56412F3C5}" type="pres">
      <dgm:prSet presAssocID="{826D0B38-869E-4746-9164-53ADE9186460}" presName="composite" presStyleCnt="0"/>
      <dgm:spPr/>
    </dgm:pt>
    <dgm:pt modelId="{6F1F02BC-A43B-4FE1-AD67-773826FA9563}" type="pres">
      <dgm:prSet presAssocID="{826D0B38-869E-4746-9164-53ADE9186460}" presName="imgShp" presStyleLbl="fgImgPlace1" presStyleIdx="0" presStyleCnt="3"/>
      <dgm:spPr>
        <a:blipFill rotWithShape="1"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</dgm:spPr>
    </dgm:pt>
    <dgm:pt modelId="{027E2D42-EFAD-476E-8288-B7C6FC9BC009}" type="pres">
      <dgm:prSet presAssocID="{826D0B38-869E-4746-9164-53ADE9186460}" presName="txShp" presStyleLbl="node1" presStyleIdx="0" presStyleCnt="3">
        <dgm:presLayoutVars>
          <dgm:bulletEnabled val="1"/>
        </dgm:presLayoutVars>
      </dgm:prSet>
      <dgm:spPr/>
    </dgm:pt>
    <dgm:pt modelId="{CA9FC614-D24F-41E1-81E0-346A6D6321AB}" type="pres">
      <dgm:prSet presAssocID="{52AFF987-FEC0-48E4-9302-86D7CD777678}" presName="spacing" presStyleCnt="0"/>
      <dgm:spPr/>
    </dgm:pt>
    <dgm:pt modelId="{575426B5-4FBE-4AA9-B1AA-94AC76BEA2BB}" type="pres">
      <dgm:prSet presAssocID="{62F47ADB-477E-494C-8301-F9E87AD8518B}" presName="composite" presStyleCnt="0"/>
      <dgm:spPr/>
    </dgm:pt>
    <dgm:pt modelId="{684A3F30-E17B-42E2-87D5-D2FDBE9A128A}" type="pres">
      <dgm:prSet presAssocID="{62F47ADB-477E-494C-8301-F9E87AD8518B}" presName="imgShp" presStyleLbl="fgImgPlace1" presStyleIdx="1" presStyleCnt="3"/>
      <dgm:spPr>
        <a:blipFill rotWithShape="1">
          <a:blip xmlns:r="http://schemas.openxmlformats.org/officeDocument/2006/relationships"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14000" r="-14000"/>
          </a:stretch>
        </a:blipFill>
      </dgm:spPr>
    </dgm:pt>
    <dgm:pt modelId="{B6102B3A-55CC-4E54-B075-BC90ECD31D9D}" type="pres">
      <dgm:prSet presAssocID="{62F47ADB-477E-494C-8301-F9E87AD8518B}" presName="txShp" presStyleLbl="node1" presStyleIdx="1" presStyleCnt="3">
        <dgm:presLayoutVars>
          <dgm:bulletEnabled val="1"/>
        </dgm:presLayoutVars>
      </dgm:prSet>
      <dgm:spPr/>
    </dgm:pt>
    <dgm:pt modelId="{535C7589-3BE0-4038-8FFC-7EBC22E55B4C}" type="pres">
      <dgm:prSet presAssocID="{56F89412-F9EA-40C9-BE85-BE862A9EA8CF}" presName="spacing" presStyleCnt="0"/>
      <dgm:spPr/>
    </dgm:pt>
    <dgm:pt modelId="{CF320E0D-6AC9-4255-8491-39F406040997}" type="pres">
      <dgm:prSet presAssocID="{AE167921-0524-4523-92B6-96986B4E0560}" presName="composite" presStyleCnt="0"/>
      <dgm:spPr/>
    </dgm:pt>
    <dgm:pt modelId="{65A7ED05-C885-43FA-80E9-B69871CBF979}" type="pres">
      <dgm:prSet presAssocID="{AE167921-0524-4523-92B6-96986B4E0560}" presName="imgShp" presStyleLbl="fgImgPlace1" presStyleIdx="2" presStyleCnt="3"/>
      <dgm:spPr>
        <a:blipFill rotWithShape="1"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14000" r="-14000"/>
          </a:stretch>
        </a:blipFill>
      </dgm:spPr>
    </dgm:pt>
    <dgm:pt modelId="{B876E025-262E-4776-BF2C-CB36E5D6DBAD}" type="pres">
      <dgm:prSet presAssocID="{AE167921-0524-4523-92B6-96986B4E0560}" presName="txShp" presStyleLbl="node1" presStyleIdx="2" presStyleCnt="3">
        <dgm:presLayoutVars>
          <dgm:bulletEnabled val="1"/>
        </dgm:presLayoutVars>
      </dgm:prSet>
      <dgm:spPr/>
    </dgm:pt>
  </dgm:ptLst>
  <dgm:cxnLst>
    <dgm:cxn modelId="{442E5002-78B1-40F8-BFA9-FA47D613CD74}" srcId="{826D0B38-869E-4746-9164-53ADE9186460}" destId="{9546305C-CA00-4E9F-A695-AE39C3795A90}" srcOrd="3" destOrd="0" parTransId="{A3A37F37-214B-4171-85FC-A839D2161274}" sibTransId="{C8DA65EE-2357-4002-BE95-E75F1DEF3718}"/>
    <dgm:cxn modelId="{8EFF1E0D-389D-4661-91BA-55E5700F90A3}" type="presOf" srcId="{CE4B9AD9-3005-473F-ABDF-23349E5C486F}" destId="{027E2D42-EFAD-476E-8288-B7C6FC9BC009}" srcOrd="0" destOrd="3" presId="urn:microsoft.com/office/officeart/2005/8/layout/vList3"/>
    <dgm:cxn modelId="{A1003A22-4DC8-41B4-920B-C3521DC6BEE2}" type="presOf" srcId="{D36D2569-5232-400B-8BBF-C73256BC50BA}" destId="{B6102B3A-55CC-4E54-B075-BC90ECD31D9D}" srcOrd="0" destOrd="2" presId="urn:microsoft.com/office/officeart/2005/8/layout/vList3"/>
    <dgm:cxn modelId="{FD698722-7BF7-4DC2-8A36-1BE5CE9835E9}" type="presOf" srcId="{826D0B38-869E-4746-9164-53ADE9186460}" destId="{027E2D42-EFAD-476E-8288-B7C6FC9BC009}" srcOrd="0" destOrd="0" presId="urn:microsoft.com/office/officeart/2005/8/layout/vList3"/>
    <dgm:cxn modelId="{47E51823-1683-44DB-8FB0-AADE1AF38476}" srcId="{826D0B38-869E-4746-9164-53ADE9186460}" destId="{F625EEDD-A249-491E-AF79-7FA17CDD0E20}" srcOrd="0" destOrd="0" parTransId="{E2913619-6374-4CA1-88FB-DBC8E4BA7F80}" sibTransId="{A056C82E-FC19-48F7-A78A-2047040CF145}"/>
    <dgm:cxn modelId="{A85E3025-D0D4-4910-91CD-87B94800527D}" srcId="{826D0B38-869E-4746-9164-53ADE9186460}" destId="{CE4B9AD9-3005-473F-ABDF-23349E5C486F}" srcOrd="2" destOrd="0" parTransId="{96A31432-DA33-4B59-BC38-A6B69DE5F2B8}" sibTransId="{96209876-8229-4E86-AAE9-3E0C3B19EF2E}"/>
    <dgm:cxn modelId="{A87FE42D-4AB4-46E1-9791-1052998EE9F9}" srcId="{AC9E158B-7881-459D-AE84-20FE732DFE8C}" destId="{AE167921-0524-4523-92B6-96986B4E0560}" srcOrd="2" destOrd="0" parTransId="{430FB35B-597A-4B95-9684-78667F7482EF}" sibTransId="{F4EA4609-A25A-4EF9-82E1-AE8C38968A3C}"/>
    <dgm:cxn modelId="{08CFBD3B-392D-4166-A6A2-3F9CD25D52C3}" type="presOf" srcId="{479EFC89-F9B3-4076-A2A3-FD4367DAF4A8}" destId="{B876E025-262E-4776-BF2C-CB36E5D6DBAD}" srcOrd="0" destOrd="3" presId="urn:microsoft.com/office/officeart/2005/8/layout/vList3"/>
    <dgm:cxn modelId="{68A3AC3C-D43E-4EE3-BBF0-8D0D18AADD4F}" srcId="{62F47ADB-477E-494C-8301-F9E87AD8518B}" destId="{D36D2569-5232-400B-8BBF-C73256BC50BA}" srcOrd="1" destOrd="0" parTransId="{1057D775-8CA7-4510-B08A-595B52B3ACB7}" sibTransId="{82C31C74-D1B3-49A5-AAA8-C8761D738F1A}"/>
    <dgm:cxn modelId="{E7BEBB3E-41A7-4922-8C2B-9BF5F383DE61}" type="presOf" srcId="{AC9E158B-7881-459D-AE84-20FE732DFE8C}" destId="{DEEDC63C-643C-4723-B240-F604CA5E6AC1}" srcOrd="0" destOrd="0" presId="urn:microsoft.com/office/officeart/2005/8/layout/vList3"/>
    <dgm:cxn modelId="{8A8F5D62-9969-4CF1-B1C3-2DD3F170E9D9}" type="presOf" srcId="{F3A237D1-9BDE-4756-AE61-2D468D95D416}" destId="{027E2D42-EFAD-476E-8288-B7C6FC9BC009}" srcOrd="0" destOrd="2" presId="urn:microsoft.com/office/officeart/2005/8/layout/vList3"/>
    <dgm:cxn modelId="{F04DE942-5306-453B-9912-DC5A8835940A}" type="presOf" srcId="{9546305C-CA00-4E9F-A695-AE39C3795A90}" destId="{027E2D42-EFAD-476E-8288-B7C6FC9BC009}" srcOrd="0" destOrd="4" presId="urn:microsoft.com/office/officeart/2005/8/layout/vList3"/>
    <dgm:cxn modelId="{CA287268-4B09-46F7-A8FF-F9E4A9387735}" srcId="{AC9E158B-7881-459D-AE84-20FE732DFE8C}" destId="{62F47ADB-477E-494C-8301-F9E87AD8518B}" srcOrd="1" destOrd="0" parTransId="{693117DE-E8CB-4236-8531-503B67F0DEAE}" sibTransId="{56F89412-F9EA-40C9-BE85-BE862A9EA8CF}"/>
    <dgm:cxn modelId="{53EDFB49-AA2D-4595-AFBF-531B90BB5E0E}" srcId="{62F47ADB-477E-494C-8301-F9E87AD8518B}" destId="{6BE6EDDF-AE19-4972-8C99-8038368D1EF4}" srcOrd="0" destOrd="0" parTransId="{090AC2B1-7921-4589-A5BA-7C7F4D4373C6}" sibTransId="{5A9CF2F3-E05E-4F87-AD8D-0740B9E63011}"/>
    <dgm:cxn modelId="{56416171-3CB4-4719-B574-8990C5D572DB}" type="presOf" srcId="{F625EEDD-A249-491E-AF79-7FA17CDD0E20}" destId="{027E2D42-EFAD-476E-8288-B7C6FC9BC009}" srcOrd="0" destOrd="1" presId="urn:microsoft.com/office/officeart/2005/8/layout/vList3"/>
    <dgm:cxn modelId="{E12EB551-1B03-4A04-8823-9D0A329E9DCE}" srcId="{AE167921-0524-4523-92B6-96986B4E0560}" destId="{657D08C2-83AE-4E96-B75E-4A97FD8247C1}" srcOrd="0" destOrd="0" parTransId="{EE71CDD1-54ED-4B15-B7AE-9F5BB6E5AD54}" sibTransId="{80C43C40-50E5-4011-916C-6913D0E2CB41}"/>
    <dgm:cxn modelId="{D0B05355-65AF-4CE8-B990-FF6D8302034D}" srcId="{AE167921-0524-4523-92B6-96986B4E0560}" destId="{479EFC89-F9B3-4076-A2A3-FD4367DAF4A8}" srcOrd="2" destOrd="0" parTransId="{5F38C214-BD75-48EC-8E17-B5687952BE23}" sibTransId="{000E031B-7B58-4A86-B379-CDF1844A3F23}"/>
    <dgm:cxn modelId="{94949D55-A731-476C-8F16-383E67FB825A}" type="presOf" srcId="{AE167921-0524-4523-92B6-96986B4E0560}" destId="{B876E025-262E-4776-BF2C-CB36E5D6DBAD}" srcOrd="0" destOrd="0" presId="urn:microsoft.com/office/officeart/2005/8/layout/vList3"/>
    <dgm:cxn modelId="{F819F47A-90B9-4A23-BB6C-F1FFC9E0CD68}" srcId="{62F47ADB-477E-494C-8301-F9E87AD8518B}" destId="{23D699B6-1029-45FD-8683-1A60CD7F3844}" srcOrd="2" destOrd="0" parTransId="{E2F49304-79BA-40D4-9678-76478045456C}" sibTransId="{9C11A431-5F7D-46D2-B4F0-3DB50790D51F}"/>
    <dgm:cxn modelId="{82C07385-9EF2-439A-965E-F86B29BB0C24}" type="presOf" srcId="{62F47ADB-477E-494C-8301-F9E87AD8518B}" destId="{B6102B3A-55CC-4E54-B075-BC90ECD31D9D}" srcOrd="0" destOrd="0" presId="urn:microsoft.com/office/officeart/2005/8/layout/vList3"/>
    <dgm:cxn modelId="{F365A38E-FE63-4F08-9368-A67BEDE2CD92}" type="presOf" srcId="{23D699B6-1029-45FD-8683-1A60CD7F3844}" destId="{B6102B3A-55CC-4E54-B075-BC90ECD31D9D}" srcOrd="0" destOrd="3" presId="urn:microsoft.com/office/officeart/2005/8/layout/vList3"/>
    <dgm:cxn modelId="{BE02699F-17F3-40D5-B47B-404FCFC16450}" srcId="{826D0B38-869E-4746-9164-53ADE9186460}" destId="{F3A237D1-9BDE-4756-AE61-2D468D95D416}" srcOrd="1" destOrd="0" parTransId="{CE8BAE3F-9786-4669-9B08-BEA19B381E53}" sibTransId="{D3FBC250-26FD-4693-A69F-71F7055FAEC3}"/>
    <dgm:cxn modelId="{D71774BC-2A41-4E28-BD0C-9A5CC8F0E2EC}" type="presOf" srcId="{46A827CA-7796-4326-B755-52D12A5ACD5E}" destId="{B876E025-262E-4776-BF2C-CB36E5D6DBAD}" srcOrd="0" destOrd="2" presId="urn:microsoft.com/office/officeart/2005/8/layout/vList3"/>
    <dgm:cxn modelId="{7E4B83DC-CC8B-4596-9D60-0B62A64250E1}" type="presOf" srcId="{6BE6EDDF-AE19-4972-8C99-8038368D1EF4}" destId="{B6102B3A-55CC-4E54-B075-BC90ECD31D9D}" srcOrd="0" destOrd="1" presId="urn:microsoft.com/office/officeart/2005/8/layout/vList3"/>
    <dgm:cxn modelId="{A10250E3-C3AB-4716-AFC3-E4FD680D687A}" srcId="{AC9E158B-7881-459D-AE84-20FE732DFE8C}" destId="{826D0B38-869E-4746-9164-53ADE9186460}" srcOrd="0" destOrd="0" parTransId="{6D0E8051-D061-45E7-9815-2570BA5A8AE5}" sibTransId="{52AFF987-FEC0-48E4-9302-86D7CD777678}"/>
    <dgm:cxn modelId="{D7E59AE4-5909-41FF-99DD-26A5846479BC}" type="presOf" srcId="{657D08C2-83AE-4E96-B75E-4A97FD8247C1}" destId="{B876E025-262E-4776-BF2C-CB36E5D6DBAD}" srcOrd="0" destOrd="1" presId="urn:microsoft.com/office/officeart/2005/8/layout/vList3"/>
    <dgm:cxn modelId="{B76C37FD-8050-4C20-8C8F-66FC2CF6F26C}" srcId="{AE167921-0524-4523-92B6-96986B4E0560}" destId="{46A827CA-7796-4326-B755-52D12A5ACD5E}" srcOrd="1" destOrd="0" parTransId="{2A2B43F1-7041-48A6-A974-54E9102068BC}" sibTransId="{63345978-79D3-4CD0-A303-E5FD6194DB23}"/>
    <dgm:cxn modelId="{77CEFC88-09FA-42F9-A8B6-F76992BBB5F3}" type="presParOf" srcId="{DEEDC63C-643C-4723-B240-F604CA5E6AC1}" destId="{DD045256-DEF5-4A5B-AFAA-5FC56412F3C5}" srcOrd="0" destOrd="0" presId="urn:microsoft.com/office/officeart/2005/8/layout/vList3"/>
    <dgm:cxn modelId="{53EB8D94-A411-4DC8-8F75-CD00B9BD0060}" type="presParOf" srcId="{DD045256-DEF5-4A5B-AFAA-5FC56412F3C5}" destId="{6F1F02BC-A43B-4FE1-AD67-773826FA9563}" srcOrd="0" destOrd="0" presId="urn:microsoft.com/office/officeart/2005/8/layout/vList3"/>
    <dgm:cxn modelId="{39AD2FA1-8019-4AF8-810C-BA67E04A2888}" type="presParOf" srcId="{DD045256-DEF5-4A5B-AFAA-5FC56412F3C5}" destId="{027E2D42-EFAD-476E-8288-B7C6FC9BC009}" srcOrd="1" destOrd="0" presId="urn:microsoft.com/office/officeart/2005/8/layout/vList3"/>
    <dgm:cxn modelId="{2ADD22FD-6551-4ABA-AE11-0381275D1434}" type="presParOf" srcId="{DEEDC63C-643C-4723-B240-F604CA5E6AC1}" destId="{CA9FC614-D24F-41E1-81E0-346A6D6321AB}" srcOrd="1" destOrd="0" presId="urn:microsoft.com/office/officeart/2005/8/layout/vList3"/>
    <dgm:cxn modelId="{FEFC6A2E-A8A1-4B17-B5CE-C660C5D52E6B}" type="presParOf" srcId="{DEEDC63C-643C-4723-B240-F604CA5E6AC1}" destId="{575426B5-4FBE-4AA9-B1AA-94AC76BEA2BB}" srcOrd="2" destOrd="0" presId="urn:microsoft.com/office/officeart/2005/8/layout/vList3"/>
    <dgm:cxn modelId="{B3CB54A7-121E-47D7-AE36-AF3BD32B4B84}" type="presParOf" srcId="{575426B5-4FBE-4AA9-B1AA-94AC76BEA2BB}" destId="{684A3F30-E17B-42E2-87D5-D2FDBE9A128A}" srcOrd="0" destOrd="0" presId="urn:microsoft.com/office/officeart/2005/8/layout/vList3"/>
    <dgm:cxn modelId="{6EA35B4E-3D64-4506-99FB-02310F958823}" type="presParOf" srcId="{575426B5-4FBE-4AA9-B1AA-94AC76BEA2BB}" destId="{B6102B3A-55CC-4E54-B075-BC90ECD31D9D}" srcOrd="1" destOrd="0" presId="urn:microsoft.com/office/officeart/2005/8/layout/vList3"/>
    <dgm:cxn modelId="{E412F4DA-5595-4B03-B1C5-4D6D187D6929}" type="presParOf" srcId="{DEEDC63C-643C-4723-B240-F604CA5E6AC1}" destId="{535C7589-3BE0-4038-8FFC-7EBC22E55B4C}" srcOrd="3" destOrd="0" presId="urn:microsoft.com/office/officeart/2005/8/layout/vList3"/>
    <dgm:cxn modelId="{781E1779-27A5-48CA-82A6-08B2C2BD3FED}" type="presParOf" srcId="{DEEDC63C-643C-4723-B240-F604CA5E6AC1}" destId="{CF320E0D-6AC9-4255-8491-39F406040997}" srcOrd="4" destOrd="0" presId="urn:microsoft.com/office/officeart/2005/8/layout/vList3"/>
    <dgm:cxn modelId="{65B3E5A0-D348-41F6-AFFA-197BB507A9CD}" type="presParOf" srcId="{CF320E0D-6AC9-4255-8491-39F406040997}" destId="{65A7ED05-C885-43FA-80E9-B69871CBF979}" srcOrd="0" destOrd="0" presId="urn:microsoft.com/office/officeart/2005/8/layout/vList3"/>
    <dgm:cxn modelId="{95E168DF-D11D-4158-8CB0-BD968AFD3260}" type="presParOf" srcId="{CF320E0D-6AC9-4255-8491-39F406040997}" destId="{B876E025-262E-4776-BF2C-CB36E5D6DBAD}" srcOrd="1" destOrd="0" presId="urn:microsoft.com/office/officeart/2005/8/layout/vList3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5.xml><?xml version="1.0" encoding="utf-8"?>
<dgm:dataModel xmlns:dgm="http://schemas.openxmlformats.org/drawingml/2006/diagram" xmlns:a="http://schemas.openxmlformats.org/drawingml/2006/main">
  <dgm:ptLst>
    <dgm:pt modelId="{989B40FC-4CDC-42EF-B429-D0F076D42129}" type="doc">
      <dgm:prSet loTypeId="urn:microsoft.com/office/officeart/2005/8/layout/architecture" loCatId="hierarchy" qsTypeId="urn:microsoft.com/office/officeart/2005/8/quickstyle/simple4" qsCatId="simple" csTypeId="urn:microsoft.com/office/officeart/2005/8/colors/colorful5" csCatId="colorful" phldr="1"/>
      <dgm:spPr/>
      <dgm:t>
        <a:bodyPr/>
        <a:lstStyle/>
        <a:p>
          <a:endParaRPr lang="LID4096"/>
        </a:p>
      </dgm:t>
    </dgm:pt>
    <dgm:pt modelId="{8732E9C3-730D-429A-8C33-CFA23494EA2C}">
      <dgm:prSet phldrT="[Text]" custT="1"/>
      <dgm:spPr/>
      <dgm:t>
        <a:bodyPr/>
        <a:lstStyle/>
        <a:p>
          <a:r>
            <a:rPr lang="en-US" sz="4800"/>
            <a:t>PIC18 Architecture</a:t>
          </a:r>
          <a:endParaRPr lang="LID4096" sz="4800"/>
        </a:p>
      </dgm:t>
    </dgm:pt>
    <dgm:pt modelId="{E40C8DD6-FBB5-42BB-9304-72CF901D246B}" type="parTrans" cxnId="{343A4EC6-20F3-4702-BD76-F3777BD4C028}">
      <dgm:prSet/>
      <dgm:spPr/>
      <dgm:t>
        <a:bodyPr/>
        <a:lstStyle/>
        <a:p>
          <a:endParaRPr lang="LID4096" sz="2800"/>
        </a:p>
      </dgm:t>
    </dgm:pt>
    <dgm:pt modelId="{24A1D085-F551-4BCF-A7B9-DA8F441E1152}" type="sibTrans" cxnId="{343A4EC6-20F3-4702-BD76-F3777BD4C028}">
      <dgm:prSet/>
      <dgm:spPr/>
      <dgm:t>
        <a:bodyPr/>
        <a:lstStyle/>
        <a:p>
          <a:endParaRPr lang="LID4096" sz="2800"/>
        </a:p>
      </dgm:t>
    </dgm:pt>
    <dgm:pt modelId="{135057E1-CE80-45AB-AFC3-8B9CE6D140EF}">
      <dgm:prSet phldrT="[Text]" custT="1"/>
      <dgm:spPr/>
      <dgm:t>
        <a:bodyPr/>
        <a:lstStyle/>
        <a:p>
          <a:r>
            <a:rPr lang="en-US" sz="800"/>
            <a:t>Curiosity Nano Board</a:t>
          </a:r>
          <a:endParaRPr lang="LID4096" sz="800"/>
        </a:p>
      </dgm:t>
    </dgm:pt>
    <dgm:pt modelId="{9A39E3EF-EFE9-449A-9C6E-8A539EE1BA8F}" type="parTrans" cxnId="{C6DE0EE6-FF08-40F8-8195-AF7F0AC111A1}">
      <dgm:prSet/>
      <dgm:spPr/>
      <dgm:t>
        <a:bodyPr/>
        <a:lstStyle/>
        <a:p>
          <a:endParaRPr lang="LID4096" sz="2800"/>
        </a:p>
      </dgm:t>
    </dgm:pt>
    <dgm:pt modelId="{2005B2B5-4A8D-4F18-902C-CD1C07EE909B}" type="sibTrans" cxnId="{C6DE0EE6-FF08-40F8-8195-AF7F0AC111A1}">
      <dgm:prSet/>
      <dgm:spPr/>
      <dgm:t>
        <a:bodyPr/>
        <a:lstStyle/>
        <a:p>
          <a:endParaRPr lang="LID4096" sz="2800"/>
        </a:p>
      </dgm:t>
    </dgm:pt>
    <dgm:pt modelId="{49D9492E-C7F8-49DF-8A87-28DFBFE73A32}">
      <dgm:prSet phldrT="[Text]" custT="1"/>
      <dgm:spPr/>
      <dgm:t>
        <a:bodyPr/>
        <a:lstStyle/>
        <a:p>
          <a:r>
            <a:rPr lang="en-US" sz="2400"/>
            <a:t>Instruction Set</a:t>
          </a:r>
          <a:endParaRPr lang="LID4096" sz="2400"/>
        </a:p>
      </dgm:t>
    </dgm:pt>
    <dgm:pt modelId="{A930034C-8313-4526-8A00-CD67DF66F7B8}" type="parTrans" cxnId="{870CDF40-FA55-43FC-83CB-8818FCE0FC1B}">
      <dgm:prSet/>
      <dgm:spPr/>
      <dgm:t>
        <a:bodyPr/>
        <a:lstStyle/>
        <a:p>
          <a:endParaRPr lang="LID4096" sz="2800"/>
        </a:p>
      </dgm:t>
    </dgm:pt>
    <dgm:pt modelId="{0769A680-0550-4EAC-8AF6-47889158B5B8}" type="sibTrans" cxnId="{870CDF40-FA55-43FC-83CB-8818FCE0FC1B}">
      <dgm:prSet/>
      <dgm:spPr/>
      <dgm:t>
        <a:bodyPr/>
        <a:lstStyle/>
        <a:p>
          <a:endParaRPr lang="LID4096" sz="2800"/>
        </a:p>
      </dgm:t>
    </dgm:pt>
    <dgm:pt modelId="{9FBF4CF9-0FC9-4AE8-B2FF-9B6B2577F2F6}">
      <dgm:prSet phldrT="[Text]" custT="1"/>
      <dgm:spPr/>
      <dgm:t>
        <a:bodyPr/>
        <a:lstStyle/>
        <a:p>
          <a:r>
            <a:rPr lang="en-US" sz="2400"/>
            <a:t>Memory Organization</a:t>
          </a:r>
          <a:endParaRPr lang="LID4096" sz="2400"/>
        </a:p>
      </dgm:t>
    </dgm:pt>
    <dgm:pt modelId="{3D0FE956-B080-4EBF-97DC-D3F5BD24A06B}" type="parTrans" cxnId="{79040AA5-1752-4D44-8825-3251E543973B}">
      <dgm:prSet/>
      <dgm:spPr/>
      <dgm:t>
        <a:bodyPr/>
        <a:lstStyle/>
        <a:p>
          <a:endParaRPr lang="LID4096" sz="2800"/>
        </a:p>
      </dgm:t>
    </dgm:pt>
    <dgm:pt modelId="{92457E3C-CAA6-4434-8135-D6BCF8803166}" type="sibTrans" cxnId="{79040AA5-1752-4D44-8825-3251E543973B}">
      <dgm:prSet/>
      <dgm:spPr/>
      <dgm:t>
        <a:bodyPr/>
        <a:lstStyle/>
        <a:p>
          <a:endParaRPr lang="LID4096" sz="2800"/>
        </a:p>
      </dgm:t>
    </dgm:pt>
    <dgm:pt modelId="{7C4B7338-40A8-47C1-B3C1-3F67C654B05C}">
      <dgm:prSet phldrT="[Text]" custT="1"/>
      <dgm:spPr/>
      <dgm:t>
        <a:bodyPr/>
        <a:lstStyle/>
        <a:p>
          <a:r>
            <a:rPr lang="en-US" sz="800"/>
            <a:t>PIC-AS</a:t>
          </a:r>
          <a:endParaRPr lang="LID4096" sz="800"/>
        </a:p>
      </dgm:t>
    </dgm:pt>
    <dgm:pt modelId="{FECCBB20-0FD8-4868-BCD4-9EABF69175E3}" type="parTrans" cxnId="{CBBBBDE0-90AC-47A3-A679-DA0FEACEB20E}">
      <dgm:prSet/>
      <dgm:spPr/>
      <dgm:t>
        <a:bodyPr/>
        <a:lstStyle/>
        <a:p>
          <a:endParaRPr lang="LID4096" sz="2800"/>
        </a:p>
      </dgm:t>
    </dgm:pt>
    <dgm:pt modelId="{4AF7CC12-69EB-445C-A4E4-9D4E05986EE8}" type="sibTrans" cxnId="{CBBBBDE0-90AC-47A3-A679-DA0FEACEB20E}">
      <dgm:prSet/>
      <dgm:spPr/>
      <dgm:t>
        <a:bodyPr/>
        <a:lstStyle/>
        <a:p>
          <a:endParaRPr lang="LID4096" sz="2800"/>
        </a:p>
      </dgm:t>
    </dgm:pt>
    <dgm:pt modelId="{DF8AA2D9-97D0-48A3-96C5-7B737736D521}">
      <dgm:prSet phldrT="[Text]" custT="1"/>
      <dgm:spPr/>
      <dgm:t>
        <a:bodyPr/>
        <a:lstStyle/>
        <a:p>
          <a:r>
            <a:rPr lang="en-US" sz="800"/>
            <a:t>SFRs</a:t>
          </a:r>
          <a:endParaRPr lang="LID4096" sz="800"/>
        </a:p>
      </dgm:t>
    </dgm:pt>
    <dgm:pt modelId="{115DB704-69DE-47BD-8EE2-D1AD9EC3018C}" type="parTrans" cxnId="{D70DB177-3C1C-4B2C-93F4-7C8ADF264863}">
      <dgm:prSet/>
      <dgm:spPr/>
      <dgm:t>
        <a:bodyPr/>
        <a:lstStyle/>
        <a:p>
          <a:endParaRPr lang="LID4096" sz="2800"/>
        </a:p>
      </dgm:t>
    </dgm:pt>
    <dgm:pt modelId="{0C8B184B-B813-4A48-BFCC-7CB5E455B7A5}" type="sibTrans" cxnId="{D70DB177-3C1C-4B2C-93F4-7C8ADF264863}">
      <dgm:prSet/>
      <dgm:spPr/>
      <dgm:t>
        <a:bodyPr/>
        <a:lstStyle/>
        <a:p>
          <a:endParaRPr lang="LID4096" sz="2800"/>
        </a:p>
      </dgm:t>
    </dgm:pt>
    <dgm:pt modelId="{0B153420-3758-4B97-9D90-074E9E5D1AB4}">
      <dgm:prSet phldrT="[Text]" custT="1"/>
      <dgm:spPr/>
      <dgm:t>
        <a:bodyPr/>
        <a:lstStyle/>
        <a:p>
          <a:r>
            <a:rPr lang="en-US" sz="800"/>
            <a:t>GPRs</a:t>
          </a:r>
          <a:endParaRPr lang="LID4096" sz="800"/>
        </a:p>
      </dgm:t>
    </dgm:pt>
    <dgm:pt modelId="{3BD6B049-7680-433E-935F-F4F62062E186}" type="parTrans" cxnId="{3A741DD7-1E2A-44BE-BD9B-F0D7701F9F75}">
      <dgm:prSet/>
      <dgm:spPr/>
      <dgm:t>
        <a:bodyPr/>
        <a:lstStyle/>
        <a:p>
          <a:endParaRPr lang="LID4096" sz="2800"/>
        </a:p>
      </dgm:t>
    </dgm:pt>
    <dgm:pt modelId="{0E20B0CD-F21D-4179-B033-5786277ACB3C}" type="sibTrans" cxnId="{3A741DD7-1E2A-44BE-BD9B-F0D7701F9F75}">
      <dgm:prSet/>
      <dgm:spPr/>
      <dgm:t>
        <a:bodyPr/>
        <a:lstStyle/>
        <a:p>
          <a:endParaRPr lang="LID4096" sz="2800"/>
        </a:p>
      </dgm:t>
    </dgm:pt>
    <dgm:pt modelId="{459E9AEF-24E7-4578-BB12-37409B9013D9}">
      <dgm:prSet phldrT="[Text]" custT="1"/>
      <dgm:spPr/>
      <dgm:t>
        <a:bodyPr/>
        <a:lstStyle/>
        <a:p>
          <a:r>
            <a:rPr lang="es-MX" sz="800"/>
            <a:t>Embedded C</a:t>
          </a:r>
          <a:endParaRPr lang="LID4096" sz="800"/>
        </a:p>
      </dgm:t>
    </dgm:pt>
    <dgm:pt modelId="{75D3E3D7-2D36-4D91-A326-408C607C9426}" type="parTrans" cxnId="{4CB46737-6C24-40B6-BDBC-AFED9DBE8C4A}">
      <dgm:prSet/>
      <dgm:spPr/>
      <dgm:t>
        <a:bodyPr/>
        <a:lstStyle/>
        <a:p>
          <a:endParaRPr lang="LID4096" sz="2800"/>
        </a:p>
      </dgm:t>
    </dgm:pt>
    <dgm:pt modelId="{9CE24BB6-61A6-4928-9FB7-D2C3F5E0CB9F}" type="sibTrans" cxnId="{4CB46737-6C24-40B6-BDBC-AFED9DBE8C4A}">
      <dgm:prSet/>
      <dgm:spPr/>
      <dgm:t>
        <a:bodyPr/>
        <a:lstStyle/>
        <a:p>
          <a:endParaRPr lang="LID4096" sz="2800"/>
        </a:p>
      </dgm:t>
    </dgm:pt>
    <dgm:pt modelId="{072041B1-BA7E-4E9E-B490-81D3DD1F48B0}">
      <dgm:prSet phldrT="[Text]" custT="1"/>
      <dgm:spPr/>
      <dgm:t>
        <a:bodyPr/>
        <a:lstStyle/>
        <a:p>
          <a:r>
            <a:rPr lang="es-MX" sz="800"/>
            <a:t>Integrated Development Environment</a:t>
          </a:r>
          <a:endParaRPr lang="LID4096" sz="800"/>
        </a:p>
      </dgm:t>
    </dgm:pt>
    <dgm:pt modelId="{18A50F8F-4A14-44B4-ABF5-439DCD1729D5}" type="parTrans" cxnId="{FCC57F8B-A2E0-411B-B82E-1EA2BF836006}">
      <dgm:prSet/>
      <dgm:spPr/>
      <dgm:t>
        <a:bodyPr/>
        <a:lstStyle/>
        <a:p>
          <a:endParaRPr lang="LID4096" sz="2800"/>
        </a:p>
      </dgm:t>
    </dgm:pt>
    <dgm:pt modelId="{CAB7F5AE-2208-4675-A4B9-2233A441E542}" type="sibTrans" cxnId="{FCC57F8B-A2E0-411B-B82E-1EA2BF836006}">
      <dgm:prSet/>
      <dgm:spPr/>
      <dgm:t>
        <a:bodyPr/>
        <a:lstStyle/>
        <a:p>
          <a:endParaRPr lang="LID4096" sz="2800"/>
        </a:p>
      </dgm:t>
    </dgm:pt>
    <dgm:pt modelId="{F776DB2C-22ED-4D7C-AC78-FC9DEC39B452}">
      <dgm:prSet phldrT="[Text]" custT="1"/>
      <dgm:spPr/>
      <dgm:t>
        <a:bodyPr/>
        <a:lstStyle/>
        <a:p>
          <a:r>
            <a:rPr lang="es-MX" sz="2000"/>
            <a:t>Hardware</a:t>
          </a:r>
          <a:endParaRPr lang="LID4096" sz="2000"/>
        </a:p>
      </dgm:t>
    </dgm:pt>
    <dgm:pt modelId="{37D287DD-EDA1-429C-A929-04AF0F23E226}" type="parTrans" cxnId="{7A0A32DB-FF10-4D53-B77A-EDA121357C14}">
      <dgm:prSet/>
      <dgm:spPr/>
      <dgm:t>
        <a:bodyPr/>
        <a:lstStyle/>
        <a:p>
          <a:endParaRPr lang="LID4096" sz="2800"/>
        </a:p>
      </dgm:t>
    </dgm:pt>
    <dgm:pt modelId="{12879D4A-9703-40C1-9372-815D59250B81}" type="sibTrans" cxnId="{7A0A32DB-FF10-4D53-B77A-EDA121357C14}">
      <dgm:prSet/>
      <dgm:spPr/>
      <dgm:t>
        <a:bodyPr/>
        <a:lstStyle/>
        <a:p>
          <a:endParaRPr lang="LID4096" sz="2800"/>
        </a:p>
      </dgm:t>
    </dgm:pt>
    <dgm:pt modelId="{BDC6C1D1-8B7C-41DE-A1E7-893398209E72}">
      <dgm:prSet phldrT="[Text]" custT="1"/>
      <dgm:spPr/>
      <dgm:t>
        <a:bodyPr/>
        <a:lstStyle/>
        <a:p>
          <a:r>
            <a:rPr lang="es-MX" sz="800"/>
            <a:t>Expansion Board</a:t>
          </a:r>
          <a:endParaRPr lang="LID4096" sz="800"/>
        </a:p>
      </dgm:t>
    </dgm:pt>
    <dgm:pt modelId="{576FB939-EB1D-4899-99DF-CDB70C403FD1}" type="parTrans" cxnId="{6EFA91DB-D6BA-45EC-9718-0C9A83C01854}">
      <dgm:prSet/>
      <dgm:spPr/>
      <dgm:t>
        <a:bodyPr/>
        <a:lstStyle/>
        <a:p>
          <a:endParaRPr lang="LID4096" sz="2800"/>
        </a:p>
      </dgm:t>
    </dgm:pt>
    <dgm:pt modelId="{4B1BC6F3-B8AE-4A37-8524-BD18A8106484}" type="sibTrans" cxnId="{6EFA91DB-D6BA-45EC-9718-0C9A83C01854}">
      <dgm:prSet/>
      <dgm:spPr/>
      <dgm:t>
        <a:bodyPr/>
        <a:lstStyle/>
        <a:p>
          <a:endParaRPr lang="LID4096" sz="2800"/>
        </a:p>
      </dgm:t>
    </dgm:pt>
    <dgm:pt modelId="{CC0448B4-370C-486B-BFAC-D0E1ECBC4251}">
      <dgm:prSet phldrT="[Text]" custT="1"/>
      <dgm:spPr/>
      <dgm:t>
        <a:bodyPr/>
        <a:lstStyle/>
        <a:p>
          <a:r>
            <a:rPr lang="en-US" sz="800"/>
            <a:t>GPIO</a:t>
          </a:r>
          <a:endParaRPr lang="LID4096" sz="800"/>
        </a:p>
      </dgm:t>
    </dgm:pt>
    <dgm:pt modelId="{D89D3EB6-3EDC-4166-B913-4978851C0E08}" type="parTrans" cxnId="{E77D09D6-FD45-46C4-A911-71E3BE287B83}">
      <dgm:prSet/>
      <dgm:spPr/>
      <dgm:t>
        <a:bodyPr/>
        <a:lstStyle/>
        <a:p>
          <a:endParaRPr lang="LID4096" sz="2800"/>
        </a:p>
      </dgm:t>
    </dgm:pt>
    <dgm:pt modelId="{30B299BB-DC62-4F7B-9F4F-D3A1B9270486}" type="sibTrans" cxnId="{E77D09D6-FD45-46C4-A911-71E3BE287B83}">
      <dgm:prSet/>
      <dgm:spPr/>
      <dgm:t>
        <a:bodyPr/>
        <a:lstStyle/>
        <a:p>
          <a:endParaRPr lang="LID4096" sz="2800"/>
        </a:p>
      </dgm:t>
    </dgm:pt>
    <dgm:pt modelId="{4527B5C6-24EC-4FB9-A69F-097F27C64970}">
      <dgm:prSet phldrT="[Text]" custT="1"/>
      <dgm:spPr/>
      <dgm:t>
        <a:bodyPr/>
        <a:lstStyle/>
        <a:p>
          <a:r>
            <a:rPr lang="en-US" sz="800"/>
            <a:t>Peripherals</a:t>
          </a:r>
          <a:endParaRPr lang="LID4096" sz="800"/>
        </a:p>
      </dgm:t>
    </dgm:pt>
    <dgm:pt modelId="{5DB8A825-5559-4E08-BE8E-98A9367245A4}" type="parTrans" cxnId="{4ED4CECF-4F96-4582-9FB7-0495C95C0697}">
      <dgm:prSet/>
      <dgm:spPr/>
      <dgm:t>
        <a:bodyPr/>
        <a:lstStyle/>
        <a:p>
          <a:endParaRPr lang="LID4096" sz="2800"/>
        </a:p>
      </dgm:t>
    </dgm:pt>
    <dgm:pt modelId="{F4261FDC-FE27-45A8-87C3-69BBCF50C605}" type="sibTrans" cxnId="{4ED4CECF-4F96-4582-9FB7-0495C95C0697}">
      <dgm:prSet/>
      <dgm:spPr/>
      <dgm:t>
        <a:bodyPr/>
        <a:lstStyle/>
        <a:p>
          <a:endParaRPr lang="LID4096" sz="2800"/>
        </a:p>
      </dgm:t>
    </dgm:pt>
    <dgm:pt modelId="{480DFE6E-6124-4265-B2BF-479A5C461088}">
      <dgm:prSet phldrT="[Text]" custT="1"/>
      <dgm:spPr/>
      <dgm:t>
        <a:bodyPr/>
        <a:lstStyle/>
        <a:p>
          <a:r>
            <a:rPr lang="es-MX" sz="2000"/>
            <a:t>Software</a:t>
          </a:r>
          <a:endParaRPr lang="LID4096" sz="2000"/>
        </a:p>
      </dgm:t>
    </dgm:pt>
    <dgm:pt modelId="{19CDE167-E518-4129-8774-01C2B4E04E42}" type="parTrans" cxnId="{A0EAB376-6B6E-4DDC-B30A-442A09D7F035}">
      <dgm:prSet/>
      <dgm:spPr/>
      <dgm:t>
        <a:bodyPr/>
        <a:lstStyle/>
        <a:p>
          <a:endParaRPr lang="LID4096" sz="2800"/>
        </a:p>
      </dgm:t>
    </dgm:pt>
    <dgm:pt modelId="{11F7EFB6-9A55-49F6-A7F5-A5A5AD023CEA}" type="sibTrans" cxnId="{A0EAB376-6B6E-4DDC-B30A-442A09D7F035}">
      <dgm:prSet/>
      <dgm:spPr/>
      <dgm:t>
        <a:bodyPr/>
        <a:lstStyle/>
        <a:p>
          <a:endParaRPr lang="LID4096" sz="2800"/>
        </a:p>
      </dgm:t>
    </dgm:pt>
    <dgm:pt modelId="{C42EBFC2-E12A-4D8C-8140-FA7F60808DB4}">
      <dgm:prSet phldrT="[Text]" custT="1"/>
      <dgm:spPr/>
      <dgm:t>
        <a:bodyPr/>
        <a:lstStyle/>
        <a:p>
          <a:r>
            <a:rPr lang="es-MX" sz="800"/>
            <a:t>Timers</a:t>
          </a:r>
          <a:endParaRPr lang="LID4096" sz="800"/>
        </a:p>
      </dgm:t>
    </dgm:pt>
    <dgm:pt modelId="{02A27442-99C2-4137-BA51-7ECF06558997}" type="parTrans" cxnId="{D53B9911-E1B2-46F2-B30A-7C54556F5835}">
      <dgm:prSet/>
      <dgm:spPr/>
      <dgm:t>
        <a:bodyPr/>
        <a:lstStyle/>
        <a:p>
          <a:endParaRPr lang="LID4096" sz="2800"/>
        </a:p>
      </dgm:t>
    </dgm:pt>
    <dgm:pt modelId="{B209FE15-3685-4F4C-B625-D9629F7EB3B7}" type="sibTrans" cxnId="{D53B9911-E1B2-46F2-B30A-7C54556F5835}">
      <dgm:prSet/>
      <dgm:spPr/>
      <dgm:t>
        <a:bodyPr/>
        <a:lstStyle/>
        <a:p>
          <a:endParaRPr lang="LID4096" sz="2800"/>
        </a:p>
      </dgm:t>
    </dgm:pt>
    <dgm:pt modelId="{C764FF30-FA11-4047-BEE5-0E56D51EC052}">
      <dgm:prSet phldrT="[Text]" custT="1"/>
      <dgm:spPr/>
      <dgm:t>
        <a:bodyPr/>
        <a:lstStyle/>
        <a:p>
          <a:r>
            <a:rPr lang="es-MX" sz="800"/>
            <a:t>Interrupts</a:t>
          </a:r>
          <a:endParaRPr lang="LID4096" sz="800"/>
        </a:p>
      </dgm:t>
    </dgm:pt>
    <dgm:pt modelId="{B655FA2E-101F-4A57-9389-4A274DAEEDE2}" type="parTrans" cxnId="{8E14A70D-078A-4D0D-A801-5C224B6B66EB}">
      <dgm:prSet/>
      <dgm:spPr/>
      <dgm:t>
        <a:bodyPr/>
        <a:lstStyle/>
        <a:p>
          <a:endParaRPr lang="LID4096" sz="2800"/>
        </a:p>
      </dgm:t>
    </dgm:pt>
    <dgm:pt modelId="{FD59528C-A926-49B9-86DB-4E6C1D559322}" type="sibTrans" cxnId="{8E14A70D-078A-4D0D-A801-5C224B6B66EB}">
      <dgm:prSet/>
      <dgm:spPr/>
      <dgm:t>
        <a:bodyPr/>
        <a:lstStyle/>
        <a:p>
          <a:endParaRPr lang="LID4096" sz="2800"/>
        </a:p>
      </dgm:t>
    </dgm:pt>
    <dgm:pt modelId="{3DBEB7B9-D39C-44D9-9BB1-4E7FE84E1283}">
      <dgm:prSet phldrT="[Text]" custT="1"/>
      <dgm:spPr/>
      <dgm:t>
        <a:bodyPr/>
        <a:lstStyle/>
        <a:p>
          <a:r>
            <a:rPr lang="es-MX" sz="800"/>
            <a:t>ADC</a:t>
          </a:r>
          <a:endParaRPr lang="LID4096" sz="800"/>
        </a:p>
      </dgm:t>
    </dgm:pt>
    <dgm:pt modelId="{1C032EFB-C479-47AB-9907-5BD40F2E1F06}" type="parTrans" cxnId="{7B95B783-168C-49C1-8DB2-E061BA1B1037}">
      <dgm:prSet/>
      <dgm:spPr/>
      <dgm:t>
        <a:bodyPr/>
        <a:lstStyle/>
        <a:p>
          <a:endParaRPr lang="LID4096" sz="2800"/>
        </a:p>
      </dgm:t>
    </dgm:pt>
    <dgm:pt modelId="{CD691E2E-72D9-419F-8FA8-9C2BB7A2ACC3}" type="sibTrans" cxnId="{7B95B783-168C-49C1-8DB2-E061BA1B1037}">
      <dgm:prSet/>
      <dgm:spPr/>
      <dgm:t>
        <a:bodyPr/>
        <a:lstStyle/>
        <a:p>
          <a:endParaRPr lang="LID4096" sz="2800"/>
        </a:p>
      </dgm:t>
    </dgm:pt>
    <dgm:pt modelId="{771735BD-AF2C-44DE-8F9C-E158F80B6924}">
      <dgm:prSet phldrT="[Text]" custT="1"/>
      <dgm:spPr/>
      <dgm:t>
        <a:bodyPr/>
        <a:lstStyle/>
        <a:p>
          <a:r>
            <a:rPr lang="es-MX" sz="800"/>
            <a:t>Serial Tx/Rx</a:t>
          </a:r>
          <a:endParaRPr lang="LID4096" sz="800"/>
        </a:p>
      </dgm:t>
    </dgm:pt>
    <dgm:pt modelId="{0A135D3F-E088-4DD8-9608-9A45F335CB6A}" type="parTrans" cxnId="{6E0C41B7-A14B-4455-9569-C1A24D6A82F0}">
      <dgm:prSet/>
      <dgm:spPr/>
      <dgm:t>
        <a:bodyPr/>
        <a:lstStyle/>
        <a:p>
          <a:endParaRPr lang="LID4096" sz="2800"/>
        </a:p>
      </dgm:t>
    </dgm:pt>
    <dgm:pt modelId="{F6FB722E-09A6-43A9-BA68-B45C4F0AD78E}" type="sibTrans" cxnId="{6E0C41B7-A14B-4455-9569-C1A24D6A82F0}">
      <dgm:prSet/>
      <dgm:spPr/>
      <dgm:t>
        <a:bodyPr/>
        <a:lstStyle/>
        <a:p>
          <a:endParaRPr lang="LID4096" sz="2800"/>
        </a:p>
      </dgm:t>
    </dgm:pt>
    <dgm:pt modelId="{1BF0118B-4010-45B0-BB68-ACE0A36040F3}">
      <dgm:prSet phldrT="[Text]" custT="1"/>
      <dgm:spPr/>
      <dgm:t>
        <a:bodyPr/>
        <a:lstStyle/>
        <a:p>
          <a:r>
            <a:rPr lang="es-MX" sz="800"/>
            <a:t>User data</a:t>
          </a:r>
          <a:endParaRPr lang="LID4096" sz="800"/>
        </a:p>
      </dgm:t>
    </dgm:pt>
    <dgm:pt modelId="{CE435589-94A2-4DF0-AA1E-BEE038BDC360}" type="parTrans" cxnId="{1D99F4E6-6E95-4A98-B1F6-0161D137BA7C}">
      <dgm:prSet/>
      <dgm:spPr/>
      <dgm:t>
        <a:bodyPr/>
        <a:lstStyle/>
        <a:p>
          <a:endParaRPr lang="LID4096" sz="2800"/>
        </a:p>
      </dgm:t>
    </dgm:pt>
    <dgm:pt modelId="{14C5938D-3253-4D32-8210-8006C2A2579B}" type="sibTrans" cxnId="{1D99F4E6-6E95-4A98-B1F6-0161D137BA7C}">
      <dgm:prSet/>
      <dgm:spPr/>
      <dgm:t>
        <a:bodyPr/>
        <a:lstStyle/>
        <a:p>
          <a:endParaRPr lang="LID4096" sz="2800"/>
        </a:p>
      </dgm:t>
    </dgm:pt>
    <dgm:pt modelId="{C893A9EE-8A25-4E90-AEA6-6A4F18B2C2BD}">
      <dgm:prSet phldrT="[Text]" custT="1"/>
      <dgm:spPr/>
      <dgm:t>
        <a:bodyPr/>
        <a:lstStyle/>
        <a:p>
          <a:r>
            <a:rPr lang="en-US" sz="2000"/>
            <a:t>Data memory</a:t>
          </a:r>
          <a:endParaRPr lang="LID4096" sz="2000"/>
        </a:p>
      </dgm:t>
    </dgm:pt>
    <dgm:pt modelId="{750B45DA-B9A7-4640-9FF3-F276A05FFF12}" type="sibTrans" cxnId="{3B27B2E7-0E69-4CF7-88E7-86EFBE0EE325}">
      <dgm:prSet/>
      <dgm:spPr/>
      <dgm:t>
        <a:bodyPr/>
        <a:lstStyle/>
        <a:p>
          <a:endParaRPr lang="LID4096" sz="2800"/>
        </a:p>
      </dgm:t>
    </dgm:pt>
    <dgm:pt modelId="{FB255C47-8ED0-4ADB-8FC8-89AF05E7CDB4}" type="parTrans" cxnId="{3B27B2E7-0E69-4CF7-88E7-86EFBE0EE325}">
      <dgm:prSet/>
      <dgm:spPr/>
      <dgm:t>
        <a:bodyPr/>
        <a:lstStyle/>
        <a:p>
          <a:endParaRPr lang="LID4096" sz="2800"/>
        </a:p>
      </dgm:t>
    </dgm:pt>
    <dgm:pt modelId="{789F582E-4674-46C8-9DE5-B7CBCD7F04FB}" type="pres">
      <dgm:prSet presAssocID="{989B40FC-4CDC-42EF-B429-D0F076D42129}" presName="Name0" presStyleCnt="0">
        <dgm:presLayoutVars>
          <dgm:chPref val="1"/>
          <dgm:dir/>
          <dgm:animOne val="branch"/>
          <dgm:animLvl val="lvl"/>
          <dgm:resizeHandles/>
        </dgm:presLayoutVars>
      </dgm:prSet>
      <dgm:spPr/>
    </dgm:pt>
    <dgm:pt modelId="{6E4BE69E-80DD-445B-AE15-EC00D0D46F6D}" type="pres">
      <dgm:prSet presAssocID="{8732E9C3-730D-429A-8C33-CFA23494EA2C}" presName="vertOne" presStyleCnt="0"/>
      <dgm:spPr/>
    </dgm:pt>
    <dgm:pt modelId="{F48DF7EB-4443-4A43-ADCF-8AEF215EAF7B}" type="pres">
      <dgm:prSet presAssocID="{8732E9C3-730D-429A-8C33-CFA23494EA2C}" presName="txOne" presStyleLbl="node0" presStyleIdx="0" presStyleCnt="1">
        <dgm:presLayoutVars>
          <dgm:chPref val="3"/>
        </dgm:presLayoutVars>
      </dgm:prSet>
      <dgm:spPr/>
    </dgm:pt>
    <dgm:pt modelId="{B4429806-E210-43AC-BFA9-E8EFBAA2A46C}" type="pres">
      <dgm:prSet presAssocID="{8732E9C3-730D-429A-8C33-CFA23494EA2C}" presName="parTransOne" presStyleCnt="0"/>
      <dgm:spPr/>
    </dgm:pt>
    <dgm:pt modelId="{6279DA5A-4103-4C83-AC5D-0CCEB819B824}" type="pres">
      <dgm:prSet presAssocID="{8732E9C3-730D-429A-8C33-CFA23494EA2C}" presName="horzOne" presStyleCnt="0"/>
      <dgm:spPr/>
    </dgm:pt>
    <dgm:pt modelId="{D18492D9-ECF9-4991-87F8-6923EE60E59A}" type="pres">
      <dgm:prSet presAssocID="{9FBF4CF9-0FC9-4AE8-B2FF-9B6B2577F2F6}" presName="vertTwo" presStyleCnt="0"/>
      <dgm:spPr/>
    </dgm:pt>
    <dgm:pt modelId="{7E5A7BE3-C5F0-4729-A224-BABAC921A80A}" type="pres">
      <dgm:prSet presAssocID="{9FBF4CF9-0FC9-4AE8-B2FF-9B6B2577F2F6}" presName="txTwo" presStyleLbl="node2" presStyleIdx="0" presStyleCnt="2">
        <dgm:presLayoutVars>
          <dgm:chPref val="3"/>
        </dgm:presLayoutVars>
      </dgm:prSet>
      <dgm:spPr/>
    </dgm:pt>
    <dgm:pt modelId="{D0427789-8590-4119-B14C-ACDEAB54D74D}" type="pres">
      <dgm:prSet presAssocID="{9FBF4CF9-0FC9-4AE8-B2FF-9B6B2577F2F6}" presName="parTransTwo" presStyleCnt="0"/>
      <dgm:spPr/>
    </dgm:pt>
    <dgm:pt modelId="{464C5626-5EF2-49DE-B7ED-C7BBFC1EF408}" type="pres">
      <dgm:prSet presAssocID="{9FBF4CF9-0FC9-4AE8-B2FF-9B6B2577F2F6}" presName="horzTwo" presStyleCnt="0"/>
      <dgm:spPr/>
    </dgm:pt>
    <dgm:pt modelId="{3EF099FC-9666-4ABD-9E5B-B0203C8FB78E}" type="pres">
      <dgm:prSet presAssocID="{C893A9EE-8A25-4E90-AEA6-6A4F18B2C2BD}" presName="vertThree" presStyleCnt="0"/>
      <dgm:spPr/>
    </dgm:pt>
    <dgm:pt modelId="{02B342C1-461D-4AF4-998E-654D4E133E76}" type="pres">
      <dgm:prSet presAssocID="{C893A9EE-8A25-4E90-AEA6-6A4F18B2C2BD}" presName="txThree" presStyleLbl="node3" presStyleIdx="0" presStyleCnt="3">
        <dgm:presLayoutVars>
          <dgm:chPref val="3"/>
        </dgm:presLayoutVars>
      </dgm:prSet>
      <dgm:spPr/>
    </dgm:pt>
    <dgm:pt modelId="{11C02FCD-D9C2-4D71-8886-3D96734AAD40}" type="pres">
      <dgm:prSet presAssocID="{C893A9EE-8A25-4E90-AEA6-6A4F18B2C2BD}" presName="parTransThree" presStyleCnt="0"/>
      <dgm:spPr/>
    </dgm:pt>
    <dgm:pt modelId="{DEF65BBF-3826-4B32-8B5E-DEF505BD5DF3}" type="pres">
      <dgm:prSet presAssocID="{C893A9EE-8A25-4E90-AEA6-6A4F18B2C2BD}" presName="horzThree" presStyleCnt="0"/>
      <dgm:spPr/>
    </dgm:pt>
    <dgm:pt modelId="{BEDDABBA-E1DD-43AF-9F40-DD679C010689}" type="pres">
      <dgm:prSet presAssocID="{DF8AA2D9-97D0-48A3-96C5-7B737736D521}" presName="vertFour" presStyleCnt="0">
        <dgm:presLayoutVars>
          <dgm:chPref val="3"/>
        </dgm:presLayoutVars>
      </dgm:prSet>
      <dgm:spPr/>
    </dgm:pt>
    <dgm:pt modelId="{0B3A7D78-ED29-4D94-806C-64DE44513DBA}" type="pres">
      <dgm:prSet presAssocID="{DF8AA2D9-97D0-48A3-96C5-7B737736D521}" presName="txFour" presStyleLbl="node4" presStyleIdx="0" presStyleCnt="14">
        <dgm:presLayoutVars>
          <dgm:chPref val="3"/>
        </dgm:presLayoutVars>
      </dgm:prSet>
      <dgm:spPr/>
    </dgm:pt>
    <dgm:pt modelId="{BD38534A-5716-4826-85BB-EB1F0B1AD211}" type="pres">
      <dgm:prSet presAssocID="{DF8AA2D9-97D0-48A3-96C5-7B737736D521}" presName="parTransFour" presStyleCnt="0"/>
      <dgm:spPr/>
    </dgm:pt>
    <dgm:pt modelId="{32CF35CF-3AC5-4F67-98F8-7C68F94114F6}" type="pres">
      <dgm:prSet presAssocID="{DF8AA2D9-97D0-48A3-96C5-7B737736D521}" presName="horzFour" presStyleCnt="0"/>
      <dgm:spPr/>
    </dgm:pt>
    <dgm:pt modelId="{B82741DB-36E9-4C4E-AB24-5BA1EBFB5F21}" type="pres">
      <dgm:prSet presAssocID="{C42EBFC2-E12A-4D8C-8140-FA7F60808DB4}" presName="vertFour" presStyleCnt="0">
        <dgm:presLayoutVars>
          <dgm:chPref val="3"/>
        </dgm:presLayoutVars>
      </dgm:prSet>
      <dgm:spPr/>
    </dgm:pt>
    <dgm:pt modelId="{107291FA-1084-46AD-9FBF-91B638419F43}" type="pres">
      <dgm:prSet presAssocID="{C42EBFC2-E12A-4D8C-8140-FA7F60808DB4}" presName="txFour" presStyleLbl="node4" presStyleIdx="1" presStyleCnt="14">
        <dgm:presLayoutVars>
          <dgm:chPref val="3"/>
        </dgm:presLayoutVars>
      </dgm:prSet>
      <dgm:spPr/>
    </dgm:pt>
    <dgm:pt modelId="{623297AB-A7CA-4FC9-B953-DD02432C1E66}" type="pres">
      <dgm:prSet presAssocID="{C42EBFC2-E12A-4D8C-8140-FA7F60808DB4}" presName="horzFour" presStyleCnt="0"/>
      <dgm:spPr/>
    </dgm:pt>
    <dgm:pt modelId="{18BF359C-6067-4EE3-9B07-74FF21CF88B1}" type="pres">
      <dgm:prSet presAssocID="{B209FE15-3685-4F4C-B625-D9629F7EB3B7}" presName="sibSpaceFour" presStyleCnt="0"/>
      <dgm:spPr/>
    </dgm:pt>
    <dgm:pt modelId="{B8D1EBA9-B53C-4987-97BF-6A3A4DC26AF8}" type="pres">
      <dgm:prSet presAssocID="{C764FF30-FA11-4047-BEE5-0E56D51EC052}" presName="vertFour" presStyleCnt="0">
        <dgm:presLayoutVars>
          <dgm:chPref val="3"/>
        </dgm:presLayoutVars>
      </dgm:prSet>
      <dgm:spPr/>
    </dgm:pt>
    <dgm:pt modelId="{3DA9DDEE-B112-4B28-BE0B-70F032816012}" type="pres">
      <dgm:prSet presAssocID="{C764FF30-FA11-4047-BEE5-0E56D51EC052}" presName="txFour" presStyleLbl="node4" presStyleIdx="2" presStyleCnt="14">
        <dgm:presLayoutVars>
          <dgm:chPref val="3"/>
        </dgm:presLayoutVars>
      </dgm:prSet>
      <dgm:spPr/>
    </dgm:pt>
    <dgm:pt modelId="{73BE2948-5BE2-4CE6-84F3-13383F52DF25}" type="pres">
      <dgm:prSet presAssocID="{C764FF30-FA11-4047-BEE5-0E56D51EC052}" presName="horzFour" presStyleCnt="0"/>
      <dgm:spPr/>
    </dgm:pt>
    <dgm:pt modelId="{A5D32F14-511A-461F-83B5-ADFBDC43EAAA}" type="pres">
      <dgm:prSet presAssocID="{FD59528C-A926-49B9-86DB-4E6C1D559322}" presName="sibSpaceFour" presStyleCnt="0"/>
      <dgm:spPr/>
    </dgm:pt>
    <dgm:pt modelId="{EE3F9227-8A00-477F-975B-61245FC00035}" type="pres">
      <dgm:prSet presAssocID="{3DBEB7B9-D39C-44D9-9BB1-4E7FE84E1283}" presName="vertFour" presStyleCnt="0">
        <dgm:presLayoutVars>
          <dgm:chPref val="3"/>
        </dgm:presLayoutVars>
      </dgm:prSet>
      <dgm:spPr/>
    </dgm:pt>
    <dgm:pt modelId="{5E90E65C-05D2-43C2-AF47-9F61F38FE939}" type="pres">
      <dgm:prSet presAssocID="{3DBEB7B9-D39C-44D9-9BB1-4E7FE84E1283}" presName="txFour" presStyleLbl="node4" presStyleIdx="3" presStyleCnt="14">
        <dgm:presLayoutVars>
          <dgm:chPref val="3"/>
        </dgm:presLayoutVars>
      </dgm:prSet>
      <dgm:spPr/>
    </dgm:pt>
    <dgm:pt modelId="{61B6CE47-87F3-4EE9-9A65-7117B2F9477A}" type="pres">
      <dgm:prSet presAssocID="{3DBEB7B9-D39C-44D9-9BB1-4E7FE84E1283}" presName="horzFour" presStyleCnt="0"/>
      <dgm:spPr/>
    </dgm:pt>
    <dgm:pt modelId="{9903B261-80D5-4F9C-9B87-A75F0077C2C6}" type="pres">
      <dgm:prSet presAssocID="{CD691E2E-72D9-419F-8FA8-9C2BB7A2ACC3}" presName="sibSpaceFour" presStyleCnt="0"/>
      <dgm:spPr/>
    </dgm:pt>
    <dgm:pt modelId="{CB79B5ED-353D-49AC-871F-78771162BE28}" type="pres">
      <dgm:prSet presAssocID="{771735BD-AF2C-44DE-8F9C-E158F80B6924}" presName="vertFour" presStyleCnt="0">
        <dgm:presLayoutVars>
          <dgm:chPref val="3"/>
        </dgm:presLayoutVars>
      </dgm:prSet>
      <dgm:spPr/>
    </dgm:pt>
    <dgm:pt modelId="{8A49514D-4F3F-401F-9B1D-04636ECBB4F8}" type="pres">
      <dgm:prSet presAssocID="{771735BD-AF2C-44DE-8F9C-E158F80B6924}" presName="txFour" presStyleLbl="node4" presStyleIdx="4" presStyleCnt="14">
        <dgm:presLayoutVars>
          <dgm:chPref val="3"/>
        </dgm:presLayoutVars>
      </dgm:prSet>
      <dgm:spPr/>
    </dgm:pt>
    <dgm:pt modelId="{2F39A5D8-FB8F-417B-AE41-82DACF3A0BC5}" type="pres">
      <dgm:prSet presAssocID="{771735BD-AF2C-44DE-8F9C-E158F80B6924}" presName="horzFour" presStyleCnt="0"/>
      <dgm:spPr/>
    </dgm:pt>
    <dgm:pt modelId="{FD094253-0F58-4071-B65D-705924D2590E}" type="pres">
      <dgm:prSet presAssocID="{0C8B184B-B813-4A48-BFCC-7CB5E455B7A5}" presName="sibSpaceFour" presStyleCnt="0"/>
      <dgm:spPr/>
    </dgm:pt>
    <dgm:pt modelId="{54083991-48E0-4E8B-B22B-1993D2D2F86C}" type="pres">
      <dgm:prSet presAssocID="{0B153420-3758-4B97-9D90-074E9E5D1AB4}" presName="vertFour" presStyleCnt="0">
        <dgm:presLayoutVars>
          <dgm:chPref val="3"/>
        </dgm:presLayoutVars>
      </dgm:prSet>
      <dgm:spPr/>
    </dgm:pt>
    <dgm:pt modelId="{9CCCB74C-FC0D-441A-906F-FF4E14407152}" type="pres">
      <dgm:prSet presAssocID="{0B153420-3758-4B97-9D90-074E9E5D1AB4}" presName="txFour" presStyleLbl="node4" presStyleIdx="5" presStyleCnt="14">
        <dgm:presLayoutVars>
          <dgm:chPref val="3"/>
        </dgm:presLayoutVars>
      </dgm:prSet>
      <dgm:spPr/>
    </dgm:pt>
    <dgm:pt modelId="{0AE786D5-3BCA-48E8-B4F2-DB233DE808D8}" type="pres">
      <dgm:prSet presAssocID="{0B153420-3758-4B97-9D90-074E9E5D1AB4}" presName="parTransFour" presStyleCnt="0"/>
      <dgm:spPr/>
    </dgm:pt>
    <dgm:pt modelId="{3C572285-A1A2-43CB-9470-616C86893B11}" type="pres">
      <dgm:prSet presAssocID="{0B153420-3758-4B97-9D90-074E9E5D1AB4}" presName="horzFour" presStyleCnt="0"/>
      <dgm:spPr/>
    </dgm:pt>
    <dgm:pt modelId="{BEBEAC13-299B-42CE-83A6-E5F0B37D86B3}" type="pres">
      <dgm:prSet presAssocID="{1BF0118B-4010-45B0-BB68-ACE0A36040F3}" presName="vertFour" presStyleCnt="0">
        <dgm:presLayoutVars>
          <dgm:chPref val="3"/>
        </dgm:presLayoutVars>
      </dgm:prSet>
      <dgm:spPr/>
    </dgm:pt>
    <dgm:pt modelId="{F0AD0BF6-8341-4894-89D4-77795B63C810}" type="pres">
      <dgm:prSet presAssocID="{1BF0118B-4010-45B0-BB68-ACE0A36040F3}" presName="txFour" presStyleLbl="node4" presStyleIdx="6" presStyleCnt="14">
        <dgm:presLayoutVars>
          <dgm:chPref val="3"/>
        </dgm:presLayoutVars>
      </dgm:prSet>
      <dgm:spPr/>
    </dgm:pt>
    <dgm:pt modelId="{E2ECC95B-EA42-4FBD-ABF8-7201548F2466}" type="pres">
      <dgm:prSet presAssocID="{1BF0118B-4010-45B0-BB68-ACE0A36040F3}" presName="horzFour" presStyleCnt="0"/>
      <dgm:spPr/>
    </dgm:pt>
    <dgm:pt modelId="{B2CDC5D4-6F36-4763-BBDE-9EF6798B74C6}" type="pres">
      <dgm:prSet presAssocID="{92457E3C-CAA6-4434-8135-D6BCF8803166}" presName="sibSpaceTwo" presStyleCnt="0"/>
      <dgm:spPr/>
    </dgm:pt>
    <dgm:pt modelId="{B2F3CB0F-6410-4D78-BF9E-C30A2D256732}" type="pres">
      <dgm:prSet presAssocID="{49D9492E-C7F8-49DF-8A87-28DFBFE73A32}" presName="vertTwo" presStyleCnt="0"/>
      <dgm:spPr/>
    </dgm:pt>
    <dgm:pt modelId="{C928F4EB-E4D2-4F7C-839D-E3273CE48863}" type="pres">
      <dgm:prSet presAssocID="{49D9492E-C7F8-49DF-8A87-28DFBFE73A32}" presName="txTwo" presStyleLbl="node2" presStyleIdx="1" presStyleCnt="2">
        <dgm:presLayoutVars>
          <dgm:chPref val="3"/>
        </dgm:presLayoutVars>
      </dgm:prSet>
      <dgm:spPr/>
    </dgm:pt>
    <dgm:pt modelId="{F965D4DF-D685-4C65-9348-F20C9740A426}" type="pres">
      <dgm:prSet presAssocID="{49D9492E-C7F8-49DF-8A87-28DFBFE73A32}" presName="parTransTwo" presStyleCnt="0"/>
      <dgm:spPr/>
    </dgm:pt>
    <dgm:pt modelId="{4205046F-DC7A-472D-8C48-81CF9A12022F}" type="pres">
      <dgm:prSet presAssocID="{49D9492E-C7F8-49DF-8A87-28DFBFE73A32}" presName="horzTwo" presStyleCnt="0"/>
      <dgm:spPr/>
    </dgm:pt>
    <dgm:pt modelId="{453AAC9E-6E4D-4771-A6D0-054C460A596A}" type="pres">
      <dgm:prSet presAssocID="{480DFE6E-6124-4265-B2BF-479A5C461088}" presName="vertThree" presStyleCnt="0"/>
      <dgm:spPr/>
    </dgm:pt>
    <dgm:pt modelId="{9CD93B34-A40C-40AD-899D-9E7C4C8A689F}" type="pres">
      <dgm:prSet presAssocID="{480DFE6E-6124-4265-B2BF-479A5C461088}" presName="txThree" presStyleLbl="node3" presStyleIdx="1" presStyleCnt="3">
        <dgm:presLayoutVars>
          <dgm:chPref val="3"/>
        </dgm:presLayoutVars>
      </dgm:prSet>
      <dgm:spPr/>
    </dgm:pt>
    <dgm:pt modelId="{100B8960-24A3-412C-8FD2-93ECF8F496E3}" type="pres">
      <dgm:prSet presAssocID="{480DFE6E-6124-4265-B2BF-479A5C461088}" presName="parTransThree" presStyleCnt="0"/>
      <dgm:spPr/>
    </dgm:pt>
    <dgm:pt modelId="{214D589B-308E-4D6A-85EB-E673628E6720}" type="pres">
      <dgm:prSet presAssocID="{480DFE6E-6124-4265-B2BF-479A5C461088}" presName="horzThree" presStyleCnt="0"/>
      <dgm:spPr/>
    </dgm:pt>
    <dgm:pt modelId="{66107F50-7DB8-4D68-80A5-29948A1CF2FE}" type="pres">
      <dgm:prSet presAssocID="{072041B1-BA7E-4E9E-B490-81D3DD1F48B0}" presName="vertFour" presStyleCnt="0">
        <dgm:presLayoutVars>
          <dgm:chPref val="3"/>
        </dgm:presLayoutVars>
      </dgm:prSet>
      <dgm:spPr/>
    </dgm:pt>
    <dgm:pt modelId="{A8A957E1-5DDF-40AD-93B2-710E31117D0A}" type="pres">
      <dgm:prSet presAssocID="{072041B1-BA7E-4E9E-B490-81D3DD1F48B0}" presName="txFour" presStyleLbl="node4" presStyleIdx="7" presStyleCnt="14">
        <dgm:presLayoutVars>
          <dgm:chPref val="3"/>
        </dgm:presLayoutVars>
      </dgm:prSet>
      <dgm:spPr/>
    </dgm:pt>
    <dgm:pt modelId="{67F86869-1BBF-4E96-A5C0-B6E05F82E8A6}" type="pres">
      <dgm:prSet presAssocID="{072041B1-BA7E-4E9E-B490-81D3DD1F48B0}" presName="parTransFour" presStyleCnt="0"/>
      <dgm:spPr/>
    </dgm:pt>
    <dgm:pt modelId="{25F614B3-AF61-4EC4-91B3-FB139B14FF40}" type="pres">
      <dgm:prSet presAssocID="{072041B1-BA7E-4E9E-B490-81D3DD1F48B0}" presName="horzFour" presStyleCnt="0"/>
      <dgm:spPr/>
    </dgm:pt>
    <dgm:pt modelId="{DB05E3AA-C901-428B-9E1E-D0A7CFCF02C1}" type="pres">
      <dgm:prSet presAssocID="{7C4B7338-40A8-47C1-B3C1-3F67C654B05C}" presName="vertFour" presStyleCnt="0">
        <dgm:presLayoutVars>
          <dgm:chPref val="3"/>
        </dgm:presLayoutVars>
      </dgm:prSet>
      <dgm:spPr/>
    </dgm:pt>
    <dgm:pt modelId="{B4871FD2-92D7-44C9-A6F8-2E7219F3EF28}" type="pres">
      <dgm:prSet presAssocID="{7C4B7338-40A8-47C1-B3C1-3F67C654B05C}" presName="txFour" presStyleLbl="node4" presStyleIdx="8" presStyleCnt="14">
        <dgm:presLayoutVars>
          <dgm:chPref val="3"/>
        </dgm:presLayoutVars>
      </dgm:prSet>
      <dgm:spPr/>
    </dgm:pt>
    <dgm:pt modelId="{8589156C-B2CE-445C-9652-707B396D35A7}" type="pres">
      <dgm:prSet presAssocID="{7C4B7338-40A8-47C1-B3C1-3F67C654B05C}" presName="horzFour" presStyleCnt="0"/>
      <dgm:spPr/>
    </dgm:pt>
    <dgm:pt modelId="{BF4DC8B6-73EC-4567-8CC5-47F0DBFC0060}" type="pres">
      <dgm:prSet presAssocID="{4AF7CC12-69EB-445C-A4E4-9D4E05986EE8}" presName="sibSpaceFour" presStyleCnt="0"/>
      <dgm:spPr/>
    </dgm:pt>
    <dgm:pt modelId="{9D995DC0-9C9D-40A2-87D1-04AA6C061832}" type="pres">
      <dgm:prSet presAssocID="{459E9AEF-24E7-4578-BB12-37409B9013D9}" presName="vertFour" presStyleCnt="0">
        <dgm:presLayoutVars>
          <dgm:chPref val="3"/>
        </dgm:presLayoutVars>
      </dgm:prSet>
      <dgm:spPr/>
    </dgm:pt>
    <dgm:pt modelId="{7A716F6E-FA99-407A-84CA-A16E8E013BE1}" type="pres">
      <dgm:prSet presAssocID="{459E9AEF-24E7-4578-BB12-37409B9013D9}" presName="txFour" presStyleLbl="node4" presStyleIdx="9" presStyleCnt="14">
        <dgm:presLayoutVars>
          <dgm:chPref val="3"/>
        </dgm:presLayoutVars>
      </dgm:prSet>
      <dgm:spPr/>
    </dgm:pt>
    <dgm:pt modelId="{C583AB48-A39C-4DB5-B2BC-57E3A3A4D9F3}" type="pres">
      <dgm:prSet presAssocID="{459E9AEF-24E7-4578-BB12-37409B9013D9}" presName="horzFour" presStyleCnt="0"/>
      <dgm:spPr/>
    </dgm:pt>
    <dgm:pt modelId="{26972024-44CA-4273-80FC-8740AB25A475}" type="pres">
      <dgm:prSet presAssocID="{11F7EFB6-9A55-49F6-A7F5-A5A5AD023CEA}" presName="sibSpaceThree" presStyleCnt="0"/>
      <dgm:spPr/>
    </dgm:pt>
    <dgm:pt modelId="{25189953-78B3-40F0-BF1F-251A90D7C469}" type="pres">
      <dgm:prSet presAssocID="{F776DB2C-22ED-4D7C-AC78-FC9DEC39B452}" presName="vertThree" presStyleCnt="0"/>
      <dgm:spPr/>
    </dgm:pt>
    <dgm:pt modelId="{F9395C3E-51F0-418E-818D-2EC0F700CCC6}" type="pres">
      <dgm:prSet presAssocID="{F776DB2C-22ED-4D7C-AC78-FC9DEC39B452}" presName="txThree" presStyleLbl="node3" presStyleIdx="2" presStyleCnt="3">
        <dgm:presLayoutVars>
          <dgm:chPref val="3"/>
        </dgm:presLayoutVars>
      </dgm:prSet>
      <dgm:spPr/>
    </dgm:pt>
    <dgm:pt modelId="{21F8A7F5-6B87-4508-82CD-B781F7743A92}" type="pres">
      <dgm:prSet presAssocID="{F776DB2C-22ED-4D7C-AC78-FC9DEC39B452}" presName="parTransThree" presStyleCnt="0"/>
      <dgm:spPr/>
    </dgm:pt>
    <dgm:pt modelId="{D120B185-0905-48BB-9E02-F01B45FB6ADB}" type="pres">
      <dgm:prSet presAssocID="{F776DB2C-22ED-4D7C-AC78-FC9DEC39B452}" presName="horzThree" presStyleCnt="0"/>
      <dgm:spPr/>
    </dgm:pt>
    <dgm:pt modelId="{D2AB675E-51BC-4901-8440-836014844AF2}" type="pres">
      <dgm:prSet presAssocID="{135057E1-CE80-45AB-AFC3-8B9CE6D140EF}" presName="vertFour" presStyleCnt="0">
        <dgm:presLayoutVars>
          <dgm:chPref val="3"/>
        </dgm:presLayoutVars>
      </dgm:prSet>
      <dgm:spPr/>
    </dgm:pt>
    <dgm:pt modelId="{10D0D82C-B251-4940-B46C-D14BB3D32077}" type="pres">
      <dgm:prSet presAssocID="{135057E1-CE80-45AB-AFC3-8B9CE6D140EF}" presName="txFour" presStyleLbl="node4" presStyleIdx="10" presStyleCnt="14">
        <dgm:presLayoutVars>
          <dgm:chPref val="3"/>
        </dgm:presLayoutVars>
      </dgm:prSet>
      <dgm:spPr/>
    </dgm:pt>
    <dgm:pt modelId="{780A405C-5DB4-4665-BF40-789EDF9FF077}" type="pres">
      <dgm:prSet presAssocID="{135057E1-CE80-45AB-AFC3-8B9CE6D140EF}" presName="parTransFour" presStyleCnt="0"/>
      <dgm:spPr/>
    </dgm:pt>
    <dgm:pt modelId="{72CD0FE4-C272-4E52-8EBC-395A85C9E613}" type="pres">
      <dgm:prSet presAssocID="{135057E1-CE80-45AB-AFC3-8B9CE6D140EF}" presName="horzFour" presStyleCnt="0"/>
      <dgm:spPr/>
    </dgm:pt>
    <dgm:pt modelId="{6DCA2317-EDB9-4E4E-A3FD-BB86D27F2C0B}" type="pres">
      <dgm:prSet presAssocID="{CC0448B4-370C-486B-BFAC-D0E1ECBC4251}" presName="vertFour" presStyleCnt="0">
        <dgm:presLayoutVars>
          <dgm:chPref val="3"/>
        </dgm:presLayoutVars>
      </dgm:prSet>
      <dgm:spPr/>
    </dgm:pt>
    <dgm:pt modelId="{B0C033D6-7B9D-4BB9-A8E6-91F3BF09EBD1}" type="pres">
      <dgm:prSet presAssocID="{CC0448B4-370C-486B-BFAC-D0E1ECBC4251}" presName="txFour" presStyleLbl="node4" presStyleIdx="11" presStyleCnt="14">
        <dgm:presLayoutVars>
          <dgm:chPref val="3"/>
        </dgm:presLayoutVars>
      </dgm:prSet>
      <dgm:spPr/>
    </dgm:pt>
    <dgm:pt modelId="{CA6213D5-B39B-468D-A8E5-2675D89419A6}" type="pres">
      <dgm:prSet presAssocID="{CC0448B4-370C-486B-BFAC-D0E1ECBC4251}" presName="horzFour" presStyleCnt="0"/>
      <dgm:spPr/>
    </dgm:pt>
    <dgm:pt modelId="{6989C553-3F0A-4363-9482-C4A11BDA7150}" type="pres">
      <dgm:prSet presAssocID="{2005B2B5-4A8D-4F18-902C-CD1C07EE909B}" presName="sibSpaceFour" presStyleCnt="0"/>
      <dgm:spPr/>
    </dgm:pt>
    <dgm:pt modelId="{E4A5BC96-6DC2-4AEE-BA6B-3D26ABAC8139}" type="pres">
      <dgm:prSet presAssocID="{BDC6C1D1-8B7C-41DE-A1E7-893398209E72}" presName="vertFour" presStyleCnt="0">
        <dgm:presLayoutVars>
          <dgm:chPref val="3"/>
        </dgm:presLayoutVars>
      </dgm:prSet>
      <dgm:spPr/>
    </dgm:pt>
    <dgm:pt modelId="{C420B4D1-3819-4581-9A47-BC739944AE56}" type="pres">
      <dgm:prSet presAssocID="{BDC6C1D1-8B7C-41DE-A1E7-893398209E72}" presName="txFour" presStyleLbl="node4" presStyleIdx="12" presStyleCnt="14">
        <dgm:presLayoutVars>
          <dgm:chPref val="3"/>
        </dgm:presLayoutVars>
      </dgm:prSet>
      <dgm:spPr/>
    </dgm:pt>
    <dgm:pt modelId="{1A812447-5C85-46A3-B115-88B895BCCBC0}" type="pres">
      <dgm:prSet presAssocID="{BDC6C1D1-8B7C-41DE-A1E7-893398209E72}" presName="parTransFour" presStyleCnt="0"/>
      <dgm:spPr/>
    </dgm:pt>
    <dgm:pt modelId="{DAF0463E-FD1E-4D6D-A319-00A604EEAE22}" type="pres">
      <dgm:prSet presAssocID="{BDC6C1D1-8B7C-41DE-A1E7-893398209E72}" presName="horzFour" presStyleCnt="0"/>
      <dgm:spPr/>
    </dgm:pt>
    <dgm:pt modelId="{1F36C3B1-8266-4551-8AB1-FD714BD511BE}" type="pres">
      <dgm:prSet presAssocID="{4527B5C6-24EC-4FB9-A69F-097F27C64970}" presName="vertFour" presStyleCnt="0">
        <dgm:presLayoutVars>
          <dgm:chPref val="3"/>
        </dgm:presLayoutVars>
      </dgm:prSet>
      <dgm:spPr/>
    </dgm:pt>
    <dgm:pt modelId="{E0E17466-8EBA-43FF-867F-7B3CECF082DB}" type="pres">
      <dgm:prSet presAssocID="{4527B5C6-24EC-4FB9-A69F-097F27C64970}" presName="txFour" presStyleLbl="node4" presStyleIdx="13" presStyleCnt="14">
        <dgm:presLayoutVars>
          <dgm:chPref val="3"/>
        </dgm:presLayoutVars>
      </dgm:prSet>
      <dgm:spPr/>
    </dgm:pt>
    <dgm:pt modelId="{5CDD9A35-ADBC-4BD2-B378-0E070BC7D69C}" type="pres">
      <dgm:prSet presAssocID="{4527B5C6-24EC-4FB9-A69F-097F27C64970}" presName="horzFour" presStyleCnt="0"/>
      <dgm:spPr/>
    </dgm:pt>
  </dgm:ptLst>
  <dgm:cxnLst>
    <dgm:cxn modelId="{09D0E50B-7BD8-4519-A04E-E3CBFCBEA205}" type="presOf" srcId="{49D9492E-C7F8-49DF-8A87-28DFBFE73A32}" destId="{C928F4EB-E4D2-4F7C-839D-E3273CE48863}" srcOrd="0" destOrd="0" presId="urn:microsoft.com/office/officeart/2005/8/layout/architecture"/>
    <dgm:cxn modelId="{8E14A70D-078A-4D0D-A801-5C224B6B66EB}" srcId="{DF8AA2D9-97D0-48A3-96C5-7B737736D521}" destId="{C764FF30-FA11-4047-BEE5-0E56D51EC052}" srcOrd="1" destOrd="0" parTransId="{B655FA2E-101F-4A57-9389-4A274DAEEDE2}" sibTransId="{FD59528C-A926-49B9-86DB-4E6C1D559322}"/>
    <dgm:cxn modelId="{D53B9911-E1B2-46F2-B30A-7C54556F5835}" srcId="{DF8AA2D9-97D0-48A3-96C5-7B737736D521}" destId="{C42EBFC2-E12A-4D8C-8140-FA7F60808DB4}" srcOrd="0" destOrd="0" parTransId="{02A27442-99C2-4137-BA51-7ECF06558997}" sibTransId="{B209FE15-3685-4F4C-B625-D9629F7EB3B7}"/>
    <dgm:cxn modelId="{4510F211-3D71-4BA1-9A6A-F358EFA4BB2C}" type="presOf" srcId="{7C4B7338-40A8-47C1-B3C1-3F67C654B05C}" destId="{B4871FD2-92D7-44C9-A6F8-2E7219F3EF28}" srcOrd="0" destOrd="0" presId="urn:microsoft.com/office/officeart/2005/8/layout/architecture"/>
    <dgm:cxn modelId="{4CB46737-6C24-40B6-BDBC-AFED9DBE8C4A}" srcId="{072041B1-BA7E-4E9E-B490-81D3DD1F48B0}" destId="{459E9AEF-24E7-4578-BB12-37409B9013D9}" srcOrd="1" destOrd="0" parTransId="{75D3E3D7-2D36-4D91-A326-408C607C9426}" sibTransId="{9CE24BB6-61A6-4928-9FB7-D2C3F5E0CB9F}"/>
    <dgm:cxn modelId="{8702AF3C-0660-4CF2-AC88-861632E80108}" type="presOf" srcId="{CC0448B4-370C-486B-BFAC-D0E1ECBC4251}" destId="{B0C033D6-7B9D-4BB9-A8E6-91F3BF09EBD1}" srcOrd="0" destOrd="0" presId="urn:microsoft.com/office/officeart/2005/8/layout/architecture"/>
    <dgm:cxn modelId="{870CDF40-FA55-43FC-83CB-8818FCE0FC1B}" srcId="{8732E9C3-730D-429A-8C33-CFA23494EA2C}" destId="{49D9492E-C7F8-49DF-8A87-28DFBFE73A32}" srcOrd="1" destOrd="0" parTransId="{A930034C-8313-4526-8A00-CD67DF66F7B8}" sibTransId="{0769A680-0550-4EAC-8AF6-47889158B5B8}"/>
    <dgm:cxn modelId="{D1E74B5E-B82B-4795-BAB8-2C600B18C113}" type="presOf" srcId="{989B40FC-4CDC-42EF-B429-D0F076D42129}" destId="{789F582E-4674-46C8-9DE5-B7CBCD7F04FB}" srcOrd="0" destOrd="0" presId="urn:microsoft.com/office/officeart/2005/8/layout/architecture"/>
    <dgm:cxn modelId="{72D7E460-3FAC-4AD6-BB7E-CC0A8D8D76BF}" type="presOf" srcId="{771735BD-AF2C-44DE-8F9C-E158F80B6924}" destId="{8A49514D-4F3F-401F-9B1D-04636ECBB4F8}" srcOrd="0" destOrd="0" presId="urn:microsoft.com/office/officeart/2005/8/layout/architecture"/>
    <dgm:cxn modelId="{99B4BF46-87D6-47C4-B0CD-401AEBDC6A14}" type="presOf" srcId="{1BF0118B-4010-45B0-BB68-ACE0A36040F3}" destId="{F0AD0BF6-8341-4894-89D4-77795B63C810}" srcOrd="0" destOrd="0" presId="urn:microsoft.com/office/officeart/2005/8/layout/architecture"/>
    <dgm:cxn modelId="{21EDB54D-6CAE-4180-ABB5-C5D877DCF5A3}" type="presOf" srcId="{459E9AEF-24E7-4578-BB12-37409B9013D9}" destId="{7A716F6E-FA99-407A-84CA-A16E8E013BE1}" srcOrd="0" destOrd="0" presId="urn:microsoft.com/office/officeart/2005/8/layout/architecture"/>
    <dgm:cxn modelId="{51300D4E-E8A1-40A1-ACC2-B7844A23DA27}" type="presOf" srcId="{BDC6C1D1-8B7C-41DE-A1E7-893398209E72}" destId="{C420B4D1-3819-4581-9A47-BC739944AE56}" srcOrd="0" destOrd="0" presId="urn:microsoft.com/office/officeart/2005/8/layout/architecture"/>
    <dgm:cxn modelId="{A0EAB376-6B6E-4DDC-B30A-442A09D7F035}" srcId="{49D9492E-C7F8-49DF-8A87-28DFBFE73A32}" destId="{480DFE6E-6124-4265-B2BF-479A5C461088}" srcOrd="0" destOrd="0" parTransId="{19CDE167-E518-4129-8774-01C2B4E04E42}" sibTransId="{11F7EFB6-9A55-49F6-A7F5-A5A5AD023CEA}"/>
    <dgm:cxn modelId="{D70DB177-3C1C-4B2C-93F4-7C8ADF264863}" srcId="{C893A9EE-8A25-4E90-AEA6-6A4F18B2C2BD}" destId="{DF8AA2D9-97D0-48A3-96C5-7B737736D521}" srcOrd="0" destOrd="0" parTransId="{115DB704-69DE-47BD-8EE2-D1AD9EC3018C}" sibTransId="{0C8B184B-B813-4A48-BFCC-7CB5E455B7A5}"/>
    <dgm:cxn modelId="{2760047A-0578-4F5F-B38F-9A5620ECF8A9}" type="presOf" srcId="{C42EBFC2-E12A-4D8C-8140-FA7F60808DB4}" destId="{107291FA-1084-46AD-9FBF-91B638419F43}" srcOrd="0" destOrd="0" presId="urn:microsoft.com/office/officeart/2005/8/layout/architecture"/>
    <dgm:cxn modelId="{0E0F7E80-4B53-4455-8507-098FD17FDC61}" type="presOf" srcId="{9FBF4CF9-0FC9-4AE8-B2FF-9B6B2577F2F6}" destId="{7E5A7BE3-C5F0-4729-A224-BABAC921A80A}" srcOrd="0" destOrd="0" presId="urn:microsoft.com/office/officeart/2005/8/layout/architecture"/>
    <dgm:cxn modelId="{E8683582-3B5E-40B2-B713-8B4E196EEB71}" type="presOf" srcId="{8732E9C3-730D-429A-8C33-CFA23494EA2C}" destId="{F48DF7EB-4443-4A43-ADCF-8AEF215EAF7B}" srcOrd="0" destOrd="0" presId="urn:microsoft.com/office/officeart/2005/8/layout/architecture"/>
    <dgm:cxn modelId="{7B95B783-168C-49C1-8DB2-E061BA1B1037}" srcId="{DF8AA2D9-97D0-48A3-96C5-7B737736D521}" destId="{3DBEB7B9-D39C-44D9-9BB1-4E7FE84E1283}" srcOrd="2" destOrd="0" parTransId="{1C032EFB-C479-47AB-9907-5BD40F2E1F06}" sibTransId="{CD691E2E-72D9-419F-8FA8-9C2BB7A2ACC3}"/>
    <dgm:cxn modelId="{FCC57F8B-A2E0-411B-B82E-1EA2BF836006}" srcId="{480DFE6E-6124-4265-B2BF-479A5C461088}" destId="{072041B1-BA7E-4E9E-B490-81D3DD1F48B0}" srcOrd="0" destOrd="0" parTransId="{18A50F8F-4A14-44B4-ABF5-439DCD1729D5}" sibTransId="{CAB7F5AE-2208-4675-A4B9-2233A441E542}"/>
    <dgm:cxn modelId="{D6AE6397-429D-49CF-82C4-FAFDD023FAC0}" type="presOf" srcId="{C764FF30-FA11-4047-BEE5-0E56D51EC052}" destId="{3DA9DDEE-B112-4B28-BE0B-70F032816012}" srcOrd="0" destOrd="0" presId="urn:microsoft.com/office/officeart/2005/8/layout/architecture"/>
    <dgm:cxn modelId="{75CDFC9C-329D-48F0-817A-D2CB6F56B925}" type="presOf" srcId="{DF8AA2D9-97D0-48A3-96C5-7B737736D521}" destId="{0B3A7D78-ED29-4D94-806C-64DE44513DBA}" srcOrd="0" destOrd="0" presId="urn:microsoft.com/office/officeart/2005/8/layout/architecture"/>
    <dgm:cxn modelId="{79040AA5-1752-4D44-8825-3251E543973B}" srcId="{8732E9C3-730D-429A-8C33-CFA23494EA2C}" destId="{9FBF4CF9-0FC9-4AE8-B2FF-9B6B2577F2F6}" srcOrd="0" destOrd="0" parTransId="{3D0FE956-B080-4EBF-97DC-D3F5BD24A06B}" sibTransId="{92457E3C-CAA6-4434-8135-D6BCF8803166}"/>
    <dgm:cxn modelId="{4D2A76B3-03D9-4B2D-99A7-88D008F32A61}" type="presOf" srcId="{3DBEB7B9-D39C-44D9-9BB1-4E7FE84E1283}" destId="{5E90E65C-05D2-43C2-AF47-9F61F38FE939}" srcOrd="0" destOrd="0" presId="urn:microsoft.com/office/officeart/2005/8/layout/architecture"/>
    <dgm:cxn modelId="{6E0C41B7-A14B-4455-9569-C1A24D6A82F0}" srcId="{DF8AA2D9-97D0-48A3-96C5-7B737736D521}" destId="{771735BD-AF2C-44DE-8F9C-E158F80B6924}" srcOrd="3" destOrd="0" parTransId="{0A135D3F-E088-4DD8-9608-9A45F335CB6A}" sibTransId="{F6FB722E-09A6-43A9-BA68-B45C4F0AD78E}"/>
    <dgm:cxn modelId="{343A4EC6-20F3-4702-BD76-F3777BD4C028}" srcId="{989B40FC-4CDC-42EF-B429-D0F076D42129}" destId="{8732E9C3-730D-429A-8C33-CFA23494EA2C}" srcOrd="0" destOrd="0" parTransId="{E40C8DD6-FBB5-42BB-9304-72CF901D246B}" sibTransId="{24A1D085-F551-4BCF-A7B9-DA8F441E1152}"/>
    <dgm:cxn modelId="{3A91E6C9-62EF-4B6D-B689-B577922EC75C}" type="presOf" srcId="{135057E1-CE80-45AB-AFC3-8B9CE6D140EF}" destId="{10D0D82C-B251-4940-B46C-D14BB3D32077}" srcOrd="0" destOrd="0" presId="urn:microsoft.com/office/officeart/2005/8/layout/architecture"/>
    <dgm:cxn modelId="{4ED4CECF-4F96-4582-9FB7-0495C95C0697}" srcId="{BDC6C1D1-8B7C-41DE-A1E7-893398209E72}" destId="{4527B5C6-24EC-4FB9-A69F-097F27C64970}" srcOrd="0" destOrd="0" parTransId="{5DB8A825-5559-4E08-BE8E-98A9367245A4}" sibTransId="{F4261FDC-FE27-45A8-87C3-69BBCF50C605}"/>
    <dgm:cxn modelId="{E77D09D6-FD45-46C4-A911-71E3BE287B83}" srcId="{135057E1-CE80-45AB-AFC3-8B9CE6D140EF}" destId="{CC0448B4-370C-486B-BFAC-D0E1ECBC4251}" srcOrd="0" destOrd="0" parTransId="{D89D3EB6-3EDC-4166-B913-4978851C0E08}" sibTransId="{30B299BB-DC62-4F7B-9F4F-D3A1B9270486}"/>
    <dgm:cxn modelId="{3A741DD7-1E2A-44BE-BD9B-F0D7701F9F75}" srcId="{C893A9EE-8A25-4E90-AEA6-6A4F18B2C2BD}" destId="{0B153420-3758-4B97-9D90-074E9E5D1AB4}" srcOrd="1" destOrd="0" parTransId="{3BD6B049-7680-433E-935F-F4F62062E186}" sibTransId="{0E20B0CD-F21D-4179-B033-5786277ACB3C}"/>
    <dgm:cxn modelId="{7A0A32DB-FF10-4D53-B77A-EDA121357C14}" srcId="{49D9492E-C7F8-49DF-8A87-28DFBFE73A32}" destId="{F776DB2C-22ED-4D7C-AC78-FC9DEC39B452}" srcOrd="1" destOrd="0" parTransId="{37D287DD-EDA1-429C-A929-04AF0F23E226}" sibTransId="{12879D4A-9703-40C1-9372-815D59250B81}"/>
    <dgm:cxn modelId="{6EFA91DB-D6BA-45EC-9718-0C9A83C01854}" srcId="{F776DB2C-22ED-4D7C-AC78-FC9DEC39B452}" destId="{BDC6C1D1-8B7C-41DE-A1E7-893398209E72}" srcOrd="1" destOrd="0" parTransId="{576FB939-EB1D-4899-99DF-CDB70C403FD1}" sibTransId="{4B1BC6F3-B8AE-4A37-8524-BD18A8106484}"/>
    <dgm:cxn modelId="{F5E756DD-8557-459F-9BAF-A96EE76C5D78}" type="presOf" srcId="{4527B5C6-24EC-4FB9-A69F-097F27C64970}" destId="{E0E17466-8EBA-43FF-867F-7B3CECF082DB}" srcOrd="0" destOrd="0" presId="urn:microsoft.com/office/officeart/2005/8/layout/architecture"/>
    <dgm:cxn modelId="{CBBBBDE0-90AC-47A3-A679-DA0FEACEB20E}" srcId="{072041B1-BA7E-4E9E-B490-81D3DD1F48B0}" destId="{7C4B7338-40A8-47C1-B3C1-3F67C654B05C}" srcOrd="0" destOrd="0" parTransId="{FECCBB20-0FD8-4868-BCD4-9EABF69175E3}" sibTransId="{4AF7CC12-69EB-445C-A4E4-9D4E05986EE8}"/>
    <dgm:cxn modelId="{359824E2-93AD-4FD1-A596-23A3B645A929}" type="presOf" srcId="{0B153420-3758-4B97-9D90-074E9E5D1AB4}" destId="{9CCCB74C-FC0D-441A-906F-FF4E14407152}" srcOrd="0" destOrd="0" presId="urn:microsoft.com/office/officeart/2005/8/layout/architecture"/>
    <dgm:cxn modelId="{C6DE0EE6-FF08-40F8-8195-AF7F0AC111A1}" srcId="{F776DB2C-22ED-4D7C-AC78-FC9DEC39B452}" destId="{135057E1-CE80-45AB-AFC3-8B9CE6D140EF}" srcOrd="0" destOrd="0" parTransId="{9A39E3EF-EFE9-449A-9C6E-8A539EE1BA8F}" sibTransId="{2005B2B5-4A8D-4F18-902C-CD1C07EE909B}"/>
    <dgm:cxn modelId="{1D99F4E6-6E95-4A98-B1F6-0161D137BA7C}" srcId="{0B153420-3758-4B97-9D90-074E9E5D1AB4}" destId="{1BF0118B-4010-45B0-BB68-ACE0A36040F3}" srcOrd="0" destOrd="0" parTransId="{CE435589-94A2-4DF0-AA1E-BEE038BDC360}" sibTransId="{14C5938D-3253-4D32-8210-8006C2A2579B}"/>
    <dgm:cxn modelId="{3B27B2E7-0E69-4CF7-88E7-86EFBE0EE325}" srcId="{9FBF4CF9-0FC9-4AE8-B2FF-9B6B2577F2F6}" destId="{C893A9EE-8A25-4E90-AEA6-6A4F18B2C2BD}" srcOrd="0" destOrd="0" parTransId="{FB255C47-8ED0-4ADB-8FC8-89AF05E7CDB4}" sibTransId="{750B45DA-B9A7-4640-9FF3-F276A05FFF12}"/>
    <dgm:cxn modelId="{B480C2EF-72E6-4196-BACA-536DC7C6D1EA}" type="presOf" srcId="{480DFE6E-6124-4265-B2BF-479A5C461088}" destId="{9CD93B34-A40C-40AD-899D-9E7C4C8A689F}" srcOrd="0" destOrd="0" presId="urn:microsoft.com/office/officeart/2005/8/layout/architecture"/>
    <dgm:cxn modelId="{A1F450F0-A40F-480A-A679-05BE9FBCFEBC}" type="presOf" srcId="{C893A9EE-8A25-4E90-AEA6-6A4F18B2C2BD}" destId="{02B342C1-461D-4AF4-998E-654D4E133E76}" srcOrd="0" destOrd="0" presId="urn:microsoft.com/office/officeart/2005/8/layout/architecture"/>
    <dgm:cxn modelId="{F18F32F7-F454-4754-AE84-923FC2CE3D55}" type="presOf" srcId="{F776DB2C-22ED-4D7C-AC78-FC9DEC39B452}" destId="{F9395C3E-51F0-418E-818D-2EC0F700CCC6}" srcOrd="0" destOrd="0" presId="urn:microsoft.com/office/officeart/2005/8/layout/architecture"/>
    <dgm:cxn modelId="{7DFFC2FC-F115-4790-8DD3-40EC5B61B589}" type="presOf" srcId="{072041B1-BA7E-4E9E-B490-81D3DD1F48B0}" destId="{A8A957E1-5DDF-40AD-93B2-710E31117D0A}" srcOrd="0" destOrd="0" presId="urn:microsoft.com/office/officeart/2005/8/layout/architecture"/>
    <dgm:cxn modelId="{D5F8CEE3-0545-45C3-A998-3118957CC21C}" type="presParOf" srcId="{789F582E-4674-46C8-9DE5-B7CBCD7F04FB}" destId="{6E4BE69E-80DD-445B-AE15-EC00D0D46F6D}" srcOrd="0" destOrd="0" presId="urn:microsoft.com/office/officeart/2005/8/layout/architecture"/>
    <dgm:cxn modelId="{A0AB812B-E0BF-4020-854E-B16D305EE142}" type="presParOf" srcId="{6E4BE69E-80DD-445B-AE15-EC00D0D46F6D}" destId="{F48DF7EB-4443-4A43-ADCF-8AEF215EAF7B}" srcOrd="0" destOrd="0" presId="urn:microsoft.com/office/officeart/2005/8/layout/architecture"/>
    <dgm:cxn modelId="{0D64C385-AE13-419D-8C86-6741235B39F1}" type="presParOf" srcId="{6E4BE69E-80DD-445B-AE15-EC00D0D46F6D}" destId="{B4429806-E210-43AC-BFA9-E8EFBAA2A46C}" srcOrd="1" destOrd="0" presId="urn:microsoft.com/office/officeart/2005/8/layout/architecture"/>
    <dgm:cxn modelId="{179E78DD-ECFA-44E3-B7B0-5AFA6ED5226D}" type="presParOf" srcId="{6E4BE69E-80DD-445B-AE15-EC00D0D46F6D}" destId="{6279DA5A-4103-4C83-AC5D-0CCEB819B824}" srcOrd="2" destOrd="0" presId="urn:microsoft.com/office/officeart/2005/8/layout/architecture"/>
    <dgm:cxn modelId="{242289DC-A796-4CA0-868D-8A5E80093DE3}" type="presParOf" srcId="{6279DA5A-4103-4C83-AC5D-0CCEB819B824}" destId="{D18492D9-ECF9-4991-87F8-6923EE60E59A}" srcOrd="0" destOrd="0" presId="urn:microsoft.com/office/officeart/2005/8/layout/architecture"/>
    <dgm:cxn modelId="{C5EC6DFD-2F84-4DBC-86DE-45A7EA3817E7}" type="presParOf" srcId="{D18492D9-ECF9-4991-87F8-6923EE60E59A}" destId="{7E5A7BE3-C5F0-4729-A224-BABAC921A80A}" srcOrd="0" destOrd="0" presId="urn:microsoft.com/office/officeart/2005/8/layout/architecture"/>
    <dgm:cxn modelId="{AC399324-BC16-4851-88E6-CF32D086C699}" type="presParOf" srcId="{D18492D9-ECF9-4991-87F8-6923EE60E59A}" destId="{D0427789-8590-4119-B14C-ACDEAB54D74D}" srcOrd="1" destOrd="0" presId="urn:microsoft.com/office/officeart/2005/8/layout/architecture"/>
    <dgm:cxn modelId="{8B7C72C0-F58B-43E3-990B-95055C5A8EBC}" type="presParOf" srcId="{D18492D9-ECF9-4991-87F8-6923EE60E59A}" destId="{464C5626-5EF2-49DE-B7ED-C7BBFC1EF408}" srcOrd="2" destOrd="0" presId="urn:microsoft.com/office/officeart/2005/8/layout/architecture"/>
    <dgm:cxn modelId="{286FF183-0368-45F6-9189-CD2444CA1410}" type="presParOf" srcId="{464C5626-5EF2-49DE-B7ED-C7BBFC1EF408}" destId="{3EF099FC-9666-4ABD-9E5B-B0203C8FB78E}" srcOrd="0" destOrd="0" presId="urn:microsoft.com/office/officeart/2005/8/layout/architecture"/>
    <dgm:cxn modelId="{F1E4664A-6AB8-4AAA-A677-E1D32FF2167A}" type="presParOf" srcId="{3EF099FC-9666-4ABD-9E5B-B0203C8FB78E}" destId="{02B342C1-461D-4AF4-998E-654D4E133E76}" srcOrd="0" destOrd="0" presId="urn:microsoft.com/office/officeart/2005/8/layout/architecture"/>
    <dgm:cxn modelId="{0CEDE9BE-909A-4C6B-8420-4AC401BE936F}" type="presParOf" srcId="{3EF099FC-9666-4ABD-9E5B-B0203C8FB78E}" destId="{11C02FCD-D9C2-4D71-8886-3D96734AAD40}" srcOrd="1" destOrd="0" presId="urn:microsoft.com/office/officeart/2005/8/layout/architecture"/>
    <dgm:cxn modelId="{2B0199A1-5573-4B85-8243-F13F4B8A8E50}" type="presParOf" srcId="{3EF099FC-9666-4ABD-9E5B-B0203C8FB78E}" destId="{DEF65BBF-3826-4B32-8B5E-DEF505BD5DF3}" srcOrd="2" destOrd="0" presId="urn:microsoft.com/office/officeart/2005/8/layout/architecture"/>
    <dgm:cxn modelId="{AB0F92CC-A116-4492-AA89-78D892A53F49}" type="presParOf" srcId="{DEF65BBF-3826-4B32-8B5E-DEF505BD5DF3}" destId="{BEDDABBA-E1DD-43AF-9F40-DD679C010689}" srcOrd="0" destOrd="0" presId="urn:microsoft.com/office/officeart/2005/8/layout/architecture"/>
    <dgm:cxn modelId="{6ED1D504-AC63-4587-B585-6230E0A6DC2C}" type="presParOf" srcId="{BEDDABBA-E1DD-43AF-9F40-DD679C010689}" destId="{0B3A7D78-ED29-4D94-806C-64DE44513DBA}" srcOrd="0" destOrd="0" presId="urn:microsoft.com/office/officeart/2005/8/layout/architecture"/>
    <dgm:cxn modelId="{341695A6-8EE9-445B-9296-FB1B900E9DFD}" type="presParOf" srcId="{BEDDABBA-E1DD-43AF-9F40-DD679C010689}" destId="{BD38534A-5716-4826-85BB-EB1F0B1AD211}" srcOrd="1" destOrd="0" presId="urn:microsoft.com/office/officeart/2005/8/layout/architecture"/>
    <dgm:cxn modelId="{DECDB727-901A-4EF9-85C5-05F35ED74A15}" type="presParOf" srcId="{BEDDABBA-E1DD-43AF-9F40-DD679C010689}" destId="{32CF35CF-3AC5-4F67-98F8-7C68F94114F6}" srcOrd="2" destOrd="0" presId="urn:microsoft.com/office/officeart/2005/8/layout/architecture"/>
    <dgm:cxn modelId="{7CBF06A4-8F97-4ADA-BC38-131AC95A1C42}" type="presParOf" srcId="{32CF35CF-3AC5-4F67-98F8-7C68F94114F6}" destId="{B82741DB-36E9-4C4E-AB24-5BA1EBFB5F21}" srcOrd="0" destOrd="0" presId="urn:microsoft.com/office/officeart/2005/8/layout/architecture"/>
    <dgm:cxn modelId="{8D71734A-D62A-4F85-930D-2B18FE2E1E80}" type="presParOf" srcId="{B82741DB-36E9-4C4E-AB24-5BA1EBFB5F21}" destId="{107291FA-1084-46AD-9FBF-91B638419F43}" srcOrd="0" destOrd="0" presId="urn:microsoft.com/office/officeart/2005/8/layout/architecture"/>
    <dgm:cxn modelId="{2AC963A8-5EA4-4B26-B9CF-6DB2311B412A}" type="presParOf" srcId="{B82741DB-36E9-4C4E-AB24-5BA1EBFB5F21}" destId="{623297AB-A7CA-4FC9-B953-DD02432C1E66}" srcOrd="1" destOrd="0" presId="urn:microsoft.com/office/officeart/2005/8/layout/architecture"/>
    <dgm:cxn modelId="{617FDE34-77A7-48A8-8B7D-3E5A39306CD4}" type="presParOf" srcId="{32CF35CF-3AC5-4F67-98F8-7C68F94114F6}" destId="{18BF359C-6067-4EE3-9B07-74FF21CF88B1}" srcOrd="1" destOrd="0" presId="urn:microsoft.com/office/officeart/2005/8/layout/architecture"/>
    <dgm:cxn modelId="{EA1573DB-147D-4EA7-B92B-DC6655DC03C1}" type="presParOf" srcId="{32CF35CF-3AC5-4F67-98F8-7C68F94114F6}" destId="{B8D1EBA9-B53C-4987-97BF-6A3A4DC26AF8}" srcOrd="2" destOrd="0" presId="urn:microsoft.com/office/officeart/2005/8/layout/architecture"/>
    <dgm:cxn modelId="{56A47D9F-B2E6-4BFF-A9D3-737761B33084}" type="presParOf" srcId="{B8D1EBA9-B53C-4987-97BF-6A3A4DC26AF8}" destId="{3DA9DDEE-B112-4B28-BE0B-70F032816012}" srcOrd="0" destOrd="0" presId="urn:microsoft.com/office/officeart/2005/8/layout/architecture"/>
    <dgm:cxn modelId="{0062C1CD-A8FC-484E-A7AD-07F0E9D36FCA}" type="presParOf" srcId="{B8D1EBA9-B53C-4987-97BF-6A3A4DC26AF8}" destId="{73BE2948-5BE2-4CE6-84F3-13383F52DF25}" srcOrd="1" destOrd="0" presId="urn:microsoft.com/office/officeart/2005/8/layout/architecture"/>
    <dgm:cxn modelId="{1B27D569-36A0-4A1A-B24C-5C4557B2A3F6}" type="presParOf" srcId="{32CF35CF-3AC5-4F67-98F8-7C68F94114F6}" destId="{A5D32F14-511A-461F-83B5-ADFBDC43EAAA}" srcOrd="3" destOrd="0" presId="urn:microsoft.com/office/officeart/2005/8/layout/architecture"/>
    <dgm:cxn modelId="{0BA925E6-14C5-4CA6-BBDE-8B1E76214D2F}" type="presParOf" srcId="{32CF35CF-3AC5-4F67-98F8-7C68F94114F6}" destId="{EE3F9227-8A00-477F-975B-61245FC00035}" srcOrd="4" destOrd="0" presId="urn:microsoft.com/office/officeart/2005/8/layout/architecture"/>
    <dgm:cxn modelId="{6468F824-55BE-480D-B5F2-B94E60B03C5C}" type="presParOf" srcId="{EE3F9227-8A00-477F-975B-61245FC00035}" destId="{5E90E65C-05D2-43C2-AF47-9F61F38FE939}" srcOrd="0" destOrd="0" presId="urn:microsoft.com/office/officeart/2005/8/layout/architecture"/>
    <dgm:cxn modelId="{0C720FB7-E002-42F4-92B6-74B644E45135}" type="presParOf" srcId="{EE3F9227-8A00-477F-975B-61245FC00035}" destId="{61B6CE47-87F3-4EE9-9A65-7117B2F9477A}" srcOrd="1" destOrd="0" presId="urn:microsoft.com/office/officeart/2005/8/layout/architecture"/>
    <dgm:cxn modelId="{1ACCC616-5D2E-4FAE-8DFE-7CB81D4412EB}" type="presParOf" srcId="{32CF35CF-3AC5-4F67-98F8-7C68F94114F6}" destId="{9903B261-80D5-4F9C-9B87-A75F0077C2C6}" srcOrd="5" destOrd="0" presId="urn:microsoft.com/office/officeart/2005/8/layout/architecture"/>
    <dgm:cxn modelId="{9E160E98-F60E-44C1-93F1-9DECB04D1BE8}" type="presParOf" srcId="{32CF35CF-3AC5-4F67-98F8-7C68F94114F6}" destId="{CB79B5ED-353D-49AC-871F-78771162BE28}" srcOrd="6" destOrd="0" presId="urn:microsoft.com/office/officeart/2005/8/layout/architecture"/>
    <dgm:cxn modelId="{C41D1C17-43DF-48B4-A035-EC1475038B38}" type="presParOf" srcId="{CB79B5ED-353D-49AC-871F-78771162BE28}" destId="{8A49514D-4F3F-401F-9B1D-04636ECBB4F8}" srcOrd="0" destOrd="0" presId="urn:microsoft.com/office/officeart/2005/8/layout/architecture"/>
    <dgm:cxn modelId="{123C999D-9C6E-48A1-AE60-26F8A73FD6CE}" type="presParOf" srcId="{CB79B5ED-353D-49AC-871F-78771162BE28}" destId="{2F39A5D8-FB8F-417B-AE41-82DACF3A0BC5}" srcOrd="1" destOrd="0" presId="urn:microsoft.com/office/officeart/2005/8/layout/architecture"/>
    <dgm:cxn modelId="{0327D2EF-CC53-472E-9C3A-655BC717B72F}" type="presParOf" srcId="{DEF65BBF-3826-4B32-8B5E-DEF505BD5DF3}" destId="{FD094253-0F58-4071-B65D-705924D2590E}" srcOrd="1" destOrd="0" presId="urn:microsoft.com/office/officeart/2005/8/layout/architecture"/>
    <dgm:cxn modelId="{21F87EE3-2371-4B1B-BD7A-7FC592427931}" type="presParOf" srcId="{DEF65BBF-3826-4B32-8B5E-DEF505BD5DF3}" destId="{54083991-48E0-4E8B-B22B-1993D2D2F86C}" srcOrd="2" destOrd="0" presId="urn:microsoft.com/office/officeart/2005/8/layout/architecture"/>
    <dgm:cxn modelId="{F8E44B92-C15A-4972-AD76-2508351207C3}" type="presParOf" srcId="{54083991-48E0-4E8B-B22B-1993D2D2F86C}" destId="{9CCCB74C-FC0D-441A-906F-FF4E14407152}" srcOrd="0" destOrd="0" presId="urn:microsoft.com/office/officeart/2005/8/layout/architecture"/>
    <dgm:cxn modelId="{48DA5051-C849-4233-9458-D324C277B764}" type="presParOf" srcId="{54083991-48E0-4E8B-B22B-1993D2D2F86C}" destId="{0AE786D5-3BCA-48E8-B4F2-DB233DE808D8}" srcOrd="1" destOrd="0" presId="urn:microsoft.com/office/officeart/2005/8/layout/architecture"/>
    <dgm:cxn modelId="{CA6A9CBA-C1B2-403D-833E-3A204C003D2C}" type="presParOf" srcId="{54083991-48E0-4E8B-B22B-1993D2D2F86C}" destId="{3C572285-A1A2-43CB-9470-616C86893B11}" srcOrd="2" destOrd="0" presId="urn:microsoft.com/office/officeart/2005/8/layout/architecture"/>
    <dgm:cxn modelId="{4DAA940F-96CA-435F-9EED-86573D022D41}" type="presParOf" srcId="{3C572285-A1A2-43CB-9470-616C86893B11}" destId="{BEBEAC13-299B-42CE-83A6-E5F0B37D86B3}" srcOrd="0" destOrd="0" presId="urn:microsoft.com/office/officeart/2005/8/layout/architecture"/>
    <dgm:cxn modelId="{58AAEA98-1EA0-447E-860F-83685E4CDED0}" type="presParOf" srcId="{BEBEAC13-299B-42CE-83A6-E5F0B37D86B3}" destId="{F0AD0BF6-8341-4894-89D4-77795B63C810}" srcOrd="0" destOrd="0" presId="urn:microsoft.com/office/officeart/2005/8/layout/architecture"/>
    <dgm:cxn modelId="{CE62DA10-599E-4B48-A344-C00E22C891C8}" type="presParOf" srcId="{BEBEAC13-299B-42CE-83A6-E5F0B37D86B3}" destId="{E2ECC95B-EA42-4FBD-ABF8-7201548F2466}" srcOrd="1" destOrd="0" presId="urn:microsoft.com/office/officeart/2005/8/layout/architecture"/>
    <dgm:cxn modelId="{49D09F2F-F43D-4750-A475-6386B79FE8B8}" type="presParOf" srcId="{6279DA5A-4103-4C83-AC5D-0CCEB819B824}" destId="{B2CDC5D4-6F36-4763-BBDE-9EF6798B74C6}" srcOrd="1" destOrd="0" presId="urn:microsoft.com/office/officeart/2005/8/layout/architecture"/>
    <dgm:cxn modelId="{0ED49C72-E93F-42FB-AB10-2D9D6BE7D568}" type="presParOf" srcId="{6279DA5A-4103-4C83-AC5D-0CCEB819B824}" destId="{B2F3CB0F-6410-4D78-BF9E-C30A2D256732}" srcOrd="2" destOrd="0" presId="urn:microsoft.com/office/officeart/2005/8/layout/architecture"/>
    <dgm:cxn modelId="{A8881792-56B3-4669-BC99-B60306204CEE}" type="presParOf" srcId="{B2F3CB0F-6410-4D78-BF9E-C30A2D256732}" destId="{C928F4EB-E4D2-4F7C-839D-E3273CE48863}" srcOrd="0" destOrd="0" presId="urn:microsoft.com/office/officeart/2005/8/layout/architecture"/>
    <dgm:cxn modelId="{C93C92CE-1C84-49F1-8673-54D7EC5F5719}" type="presParOf" srcId="{B2F3CB0F-6410-4D78-BF9E-C30A2D256732}" destId="{F965D4DF-D685-4C65-9348-F20C9740A426}" srcOrd="1" destOrd="0" presId="urn:microsoft.com/office/officeart/2005/8/layout/architecture"/>
    <dgm:cxn modelId="{7E285B47-092E-4C33-A4B6-E6A7DAEC1D4F}" type="presParOf" srcId="{B2F3CB0F-6410-4D78-BF9E-C30A2D256732}" destId="{4205046F-DC7A-472D-8C48-81CF9A12022F}" srcOrd="2" destOrd="0" presId="urn:microsoft.com/office/officeart/2005/8/layout/architecture"/>
    <dgm:cxn modelId="{1AA48600-4C2B-424B-A935-AF93951B41B3}" type="presParOf" srcId="{4205046F-DC7A-472D-8C48-81CF9A12022F}" destId="{453AAC9E-6E4D-4771-A6D0-054C460A596A}" srcOrd="0" destOrd="0" presId="urn:microsoft.com/office/officeart/2005/8/layout/architecture"/>
    <dgm:cxn modelId="{B1714851-BFAB-40E8-BFCF-A620FE16D89B}" type="presParOf" srcId="{453AAC9E-6E4D-4771-A6D0-054C460A596A}" destId="{9CD93B34-A40C-40AD-899D-9E7C4C8A689F}" srcOrd="0" destOrd="0" presId="urn:microsoft.com/office/officeart/2005/8/layout/architecture"/>
    <dgm:cxn modelId="{1F438FA8-D4F6-4194-B28F-B3662646930B}" type="presParOf" srcId="{453AAC9E-6E4D-4771-A6D0-054C460A596A}" destId="{100B8960-24A3-412C-8FD2-93ECF8F496E3}" srcOrd="1" destOrd="0" presId="urn:microsoft.com/office/officeart/2005/8/layout/architecture"/>
    <dgm:cxn modelId="{49076465-EFF7-49A5-B362-8F44E17F3F4F}" type="presParOf" srcId="{453AAC9E-6E4D-4771-A6D0-054C460A596A}" destId="{214D589B-308E-4D6A-85EB-E673628E6720}" srcOrd="2" destOrd="0" presId="urn:microsoft.com/office/officeart/2005/8/layout/architecture"/>
    <dgm:cxn modelId="{7EAA3A77-3062-4ABB-AF73-862DEF3B70FF}" type="presParOf" srcId="{214D589B-308E-4D6A-85EB-E673628E6720}" destId="{66107F50-7DB8-4D68-80A5-29948A1CF2FE}" srcOrd="0" destOrd="0" presId="urn:microsoft.com/office/officeart/2005/8/layout/architecture"/>
    <dgm:cxn modelId="{0E78850E-069D-44B9-98C4-0941256F581F}" type="presParOf" srcId="{66107F50-7DB8-4D68-80A5-29948A1CF2FE}" destId="{A8A957E1-5DDF-40AD-93B2-710E31117D0A}" srcOrd="0" destOrd="0" presId="urn:microsoft.com/office/officeart/2005/8/layout/architecture"/>
    <dgm:cxn modelId="{788C9B90-A89F-4014-8A2D-96D677310721}" type="presParOf" srcId="{66107F50-7DB8-4D68-80A5-29948A1CF2FE}" destId="{67F86869-1BBF-4E96-A5C0-B6E05F82E8A6}" srcOrd="1" destOrd="0" presId="urn:microsoft.com/office/officeart/2005/8/layout/architecture"/>
    <dgm:cxn modelId="{70F4EB7B-1110-45FE-A71A-18E7E97FBCC2}" type="presParOf" srcId="{66107F50-7DB8-4D68-80A5-29948A1CF2FE}" destId="{25F614B3-AF61-4EC4-91B3-FB139B14FF40}" srcOrd="2" destOrd="0" presId="urn:microsoft.com/office/officeart/2005/8/layout/architecture"/>
    <dgm:cxn modelId="{0960126E-D7CC-46AA-B28C-CB3421BD2F5B}" type="presParOf" srcId="{25F614B3-AF61-4EC4-91B3-FB139B14FF40}" destId="{DB05E3AA-C901-428B-9E1E-D0A7CFCF02C1}" srcOrd="0" destOrd="0" presId="urn:microsoft.com/office/officeart/2005/8/layout/architecture"/>
    <dgm:cxn modelId="{F51AB830-043A-4C59-947C-C9B41E4DC601}" type="presParOf" srcId="{DB05E3AA-C901-428B-9E1E-D0A7CFCF02C1}" destId="{B4871FD2-92D7-44C9-A6F8-2E7219F3EF28}" srcOrd="0" destOrd="0" presId="urn:microsoft.com/office/officeart/2005/8/layout/architecture"/>
    <dgm:cxn modelId="{FA77F337-07AD-4B00-B5EF-8ACB95F2D097}" type="presParOf" srcId="{DB05E3AA-C901-428B-9E1E-D0A7CFCF02C1}" destId="{8589156C-B2CE-445C-9652-707B396D35A7}" srcOrd="1" destOrd="0" presId="urn:microsoft.com/office/officeart/2005/8/layout/architecture"/>
    <dgm:cxn modelId="{38E93A51-5C9B-4D72-84D2-42D6F364A8BE}" type="presParOf" srcId="{25F614B3-AF61-4EC4-91B3-FB139B14FF40}" destId="{BF4DC8B6-73EC-4567-8CC5-47F0DBFC0060}" srcOrd="1" destOrd="0" presId="urn:microsoft.com/office/officeart/2005/8/layout/architecture"/>
    <dgm:cxn modelId="{48526371-CD4A-4D61-BF0B-C758D3BC688B}" type="presParOf" srcId="{25F614B3-AF61-4EC4-91B3-FB139B14FF40}" destId="{9D995DC0-9C9D-40A2-87D1-04AA6C061832}" srcOrd="2" destOrd="0" presId="urn:microsoft.com/office/officeart/2005/8/layout/architecture"/>
    <dgm:cxn modelId="{84D180DD-B2EE-49CD-B985-8D391EB8E656}" type="presParOf" srcId="{9D995DC0-9C9D-40A2-87D1-04AA6C061832}" destId="{7A716F6E-FA99-407A-84CA-A16E8E013BE1}" srcOrd="0" destOrd="0" presId="urn:microsoft.com/office/officeart/2005/8/layout/architecture"/>
    <dgm:cxn modelId="{DB33E119-1624-4BAB-A2C2-DAF700CB57CA}" type="presParOf" srcId="{9D995DC0-9C9D-40A2-87D1-04AA6C061832}" destId="{C583AB48-A39C-4DB5-B2BC-57E3A3A4D9F3}" srcOrd="1" destOrd="0" presId="urn:microsoft.com/office/officeart/2005/8/layout/architecture"/>
    <dgm:cxn modelId="{68703F4E-8618-4ED0-8EDC-F0C82A093422}" type="presParOf" srcId="{4205046F-DC7A-472D-8C48-81CF9A12022F}" destId="{26972024-44CA-4273-80FC-8740AB25A475}" srcOrd="1" destOrd="0" presId="urn:microsoft.com/office/officeart/2005/8/layout/architecture"/>
    <dgm:cxn modelId="{5DB74081-11E8-47CC-B612-B4E893729C13}" type="presParOf" srcId="{4205046F-DC7A-472D-8C48-81CF9A12022F}" destId="{25189953-78B3-40F0-BF1F-251A90D7C469}" srcOrd="2" destOrd="0" presId="urn:microsoft.com/office/officeart/2005/8/layout/architecture"/>
    <dgm:cxn modelId="{859E2AC6-FBA2-453B-A0D1-D8A37F248B74}" type="presParOf" srcId="{25189953-78B3-40F0-BF1F-251A90D7C469}" destId="{F9395C3E-51F0-418E-818D-2EC0F700CCC6}" srcOrd="0" destOrd="0" presId="urn:microsoft.com/office/officeart/2005/8/layout/architecture"/>
    <dgm:cxn modelId="{3033D106-CE7E-4D0B-AB3B-D371AFA97295}" type="presParOf" srcId="{25189953-78B3-40F0-BF1F-251A90D7C469}" destId="{21F8A7F5-6B87-4508-82CD-B781F7743A92}" srcOrd="1" destOrd="0" presId="urn:microsoft.com/office/officeart/2005/8/layout/architecture"/>
    <dgm:cxn modelId="{BED214E7-07A9-4FAF-8F2B-7C9810EB9C3D}" type="presParOf" srcId="{25189953-78B3-40F0-BF1F-251A90D7C469}" destId="{D120B185-0905-48BB-9E02-F01B45FB6ADB}" srcOrd="2" destOrd="0" presId="urn:microsoft.com/office/officeart/2005/8/layout/architecture"/>
    <dgm:cxn modelId="{93112815-E211-4B24-87DA-936A7B07C3AB}" type="presParOf" srcId="{D120B185-0905-48BB-9E02-F01B45FB6ADB}" destId="{D2AB675E-51BC-4901-8440-836014844AF2}" srcOrd="0" destOrd="0" presId="urn:microsoft.com/office/officeart/2005/8/layout/architecture"/>
    <dgm:cxn modelId="{C23CB920-54FB-4A98-A2B5-1AE772ED5400}" type="presParOf" srcId="{D2AB675E-51BC-4901-8440-836014844AF2}" destId="{10D0D82C-B251-4940-B46C-D14BB3D32077}" srcOrd="0" destOrd="0" presId="urn:microsoft.com/office/officeart/2005/8/layout/architecture"/>
    <dgm:cxn modelId="{5F544CB8-C1F2-4DC4-97AF-072062C8FCF6}" type="presParOf" srcId="{D2AB675E-51BC-4901-8440-836014844AF2}" destId="{780A405C-5DB4-4665-BF40-789EDF9FF077}" srcOrd="1" destOrd="0" presId="urn:microsoft.com/office/officeart/2005/8/layout/architecture"/>
    <dgm:cxn modelId="{3FE092AE-1B1B-4A21-AD3D-D2058242F82F}" type="presParOf" srcId="{D2AB675E-51BC-4901-8440-836014844AF2}" destId="{72CD0FE4-C272-4E52-8EBC-395A85C9E613}" srcOrd="2" destOrd="0" presId="urn:microsoft.com/office/officeart/2005/8/layout/architecture"/>
    <dgm:cxn modelId="{00234A42-EFD6-4DE0-AD2A-9FE0F190DF9F}" type="presParOf" srcId="{72CD0FE4-C272-4E52-8EBC-395A85C9E613}" destId="{6DCA2317-EDB9-4E4E-A3FD-BB86D27F2C0B}" srcOrd="0" destOrd="0" presId="urn:microsoft.com/office/officeart/2005/8/layout/architecture"/>
    <dgm:cxn modelId="{876995AB-8FBB-42A4-BD7A-B7632EFAD814}" type="presParOf" srcId="{6DCA2317-EDB9-4E4E-A3FD-BB86D27F2C0B}" destId="{B0C033D6-7B9D-4BB9-A8E6-91F3BF09EBD1}" srcOrd="0" destOrd="0" presId="urn:microsoft.com/office/officeart/2005/8/layout/architecture"/>
    <dgm:cxn modelId="{A737A0BA-77E2-476A-8B1F-6B3EE1709C40}" type="presParOf" srcId="{6DCA2317-EDB9-4E4E-A3FD-BB86D27F2C0B}" destId="{CA6213D5-B39B-468D-A8E5-2675D89419A6}" srcOrd="1" destOrd="0" presId="urn:microsoft.com/office/officeart/2005/8/layout/architecture"/>
    <dgm:cxn modelId="{19654516-2EC2-489B-9DF9-A55E8C1EBD62}" type="presParOf" srcId="{D120B185-0905-48BB-9E02-F01B45FB6ADB}" destId="{6989C553-3F0A-4363-9482-C4A11BDA7150}" srcOrd="1" destOrd="0" presId="urn:microsoft.com/office/officeart/2005/8/layout/architecture"/>
    <dgm:cxn modelId="{BA348FA2-275A-4EF4-ADE6-E9C3A7CAF4B3}" type="presParOf" srcId="{D120B185-0905-48BB-9E02-F01B45FB6ADB}" destId="{E4A5BC96-6DC2-4AEE-BA6B-3D26ABAC8139}" srcOrd="2" destOrd="0" presId="urn:microsoft.com/office/officeart/2005/8/layout/architecture"/>
    <dgm:cxn modelId="{D8D69313-B7E6-4C63-9348-2B03B4BCFD3B}" type="presParOf" srcId="{E4A5BC96-6DC2-4AEE-BA6B-3D26ABAC8139}" destId="{C420B4D1-3819-4581-9A47-BC739944AE56}" srcOrd="0" destOrd="0" presId="urn:microsoft.com/office/officeart/2005/8/layout/architecture"/>
    <dgm:cxn modelId="{C4C87483-E5D0-4CA4-9A92-1C314C11602F}" type="presParOf" srcId="{E4A5BC96-6DC2-4AEE-BA6B-3D26ABAC8139}" destId="{1A812447-5C85-46A3-B115-88B895BCCBC0}" srcOrd="1" destOrd="0" presId="urn:microsoft.com/office/officeart/2005/8/layout/architecture"/>
    <dgm:cxn modelId="{42487161-13B0-4FB1-A81D-7DB072BB81F2}" type="presParOf" srcId="{E4A5BC96-6DC2-4AEE-BA6B-3D26ABAC8139}" destId="{DAF0463E-FD1E-4D6D-A319-00A604EEAE22}" srcOrd="2" destOrd="0" presId="urn:microsoft.com/office/officeart/2005/8/layout/architecture"/>
    <dgm:cxn modelId="{8198A3A0-B23A-4620-B7B8-363780AF3D55}" type="presParOf" srcId="{DAF0463E-FD1E-4D6D-A319-00A604EEAE22}" destId="{1F36C3B1-8266-4551-8AB1-FD714BD511BE}" srcOrd="0" destOrd="0" presId="urn:microsoft.com/office/officeart/2005/8/layout/architecture"/>
    <dgm:cxn modelId="{33AD12DB-E345-48BF-A387-5FAB5914E07C}" type="presParOf" srcId="{1F36C3B1-8266-4551-8AB1-FD714BD511BE}" destId="{E0E17466-8EBA-43FF-867F-7B3CECF082DB}" srcOrd="0" destOrd="0" presId="urn:microsoft.com/office/officeart/2005/8/layout/architecture"/>
    <dgm:cxn modelId="{59F78D70-99FC-4C7B-8B6A-574FF07FC20B}" type="presParOf" srcId="{1F36C3B1-8266-4551-8AB1-FD714BD511BE}" destId="{5CDD9A35-ADBC-4BD2-B378-0E070BC7D69C}" srcOrd="1" destOrd="0" presId="urn:microsoft.com/office/officeart/2005/8/layout/architecture"/>
  </dgm:cxnLst>
  <dgm:bg/>
  <dgm:whole/>
  <dgm:extLst>
    <a:ext uri="http://schemas.microsoft.com/office/drawing/2008/diagram">
      <dsp:dataModelExt xmlns:dsp="http://schemas.microsoft.com/office/drawing/2008/diagram" relId="rId11" minVer="http://schemas.openxmlformats.org/drawingml/2006/diagram"/>
    </a:ext>
  </dgm:extLst>
</dgm:dataModel>
</file>

<file path=ppt/diagrams/data6.xml><?xml version="1.0" encoding="utf-8"?>
<dgm:dataModel xmlns:dgm="http://schemas.openxmlformats.org/drawingml/2006/diagram" xmlns:a="http://schemas.openxmlformats.org/drawingml/2006/main">
  <dgm:ptLst>
    <dgm:pt modelId="{349140E4-1760-4FD4-94A1-298764E9BB76}" type="doc">
      <dgm:prSet loTypeId="urn:microsoft.com/office/officeart/2005/8/layout/process4" loCatId="list" qsTypeId="urn:microsoft.com/office/officeart/2005/8/quickstyle/simple1" qsCatId="simple" csTypeId="urn:microsoft.com/office/officeart/2005/8/colors/colorful1" csCatId="colorful" phldr="1"/>
      <dgm:spPr/>
      <dgm:t>
        <a:bodyPr/>
        <a:lstStyle/>
        <a:p>
          <a:endParaRPr lang="LID4096"/>
        </a:p>
      </dgm:t>
    </dgm:pt>
    <dgm:pt modelId="{09BCBCFD-F914-4869-900C-AFF929DAE392}">
      <dgm:prSet phldrT="[Text]"/>
      <dgm:spPr/>
      <dgm:t>
        <a:bodyPr/>
        <a:lstStyle/>
        <a:p>
          <a:r>
            <a:rPr lang="en-US"/>
            <a:t>1</a:t>
          </a:r>
          <a:r>
            <a:rPr lang="en-US" baseline="30000"/>
            <a:t>ST</a:t>
          </a:r>
          <a:r>
            <a:rPr lang="en-US"/>
            <a:t> TERM</a:t>
          </a:r>
          <a:endParaRPr lang="LID4096"/>
        </a:p>
      </dgm:t>
    </dgm:pt>
    <dgm:pt modelId="{C2740819-DE3F-443C-88FC-B50859788FEC}" type="parTrans" cxnId="{246A852F-115A-4F0D-B25B-EDCE82755F74}">
      <dgm:prSet/>
      <dgm:spPr/>
      <dgm:t>
        <a:bodyPr/>
        <a:lstStyle/>
        <a:p>
          <a:endParaRPr lang="LID4096"/>
        </a:p>
      </dgm:t>
    </dgm:pt>
    <dgm:pt modelId="{EE096B29-1AD9-4421-AB86-FDB180479931}" type="sibTrans" cxnId="{246A852F-115A-4F0D-B25B-EDCE82755F74}">
      <dgm:prSet/>
      <dgm:spPr/>
      <dgm:t>
        <a:bodyPr/>
        <a:lstStyle/>
        <a:p>
          <a:endParaRPr lang="LID4096"/>
        </a:p>
      </dgm:t>
    </dgm:pt>
    <dgm:pt modelId="{D9B0179F-E30B-4C19-8FEB-2D4D380839DB}">
      <dgm:prSet phldrT="[Text]"/>
      <dgm:spPr/>
      <dgm:t>
        <a:bodyPr/>
        <a:lstStyle/>
        <a:p>
          <a:r>
            <a:rPr lang="en-US"/>
            <a:t>Introduction to microcontrollers</a:t>
          </a:r>
          <a:endParaRPr lang="LID4096"/>
        </a:p>
      </dgm:t>
    </dgm:pt>
    <dgm:pt modelId="{DDC2D979-AFB6-4437-BDB4-72F7D6D037D6}" type="parTrans" cxnId="{E27947F8-DCFF-423F-8149-281E27DAC315}">
      <dgm:prSet/>
      <dgm:spPr/>
      <dgm:t>
        <a:bodyPr/>
        <a:lstStyle/>
        <a:p>
          <a:endParaRPr lang="LID4096"/>
        </a:p>
      </dgm:t>
    </dgm:pt>
    <dgm:pt modelId="{775A2495-96E4-4AF8-BEFB-7A250ECABAE9}" type="sibTrans" cxnId="{E27947F8-DCFF-423F-8149-281E27DAC315}">
      <dgm:prSet/>
      <dgm:spPr/>
      <dgm:t>
        <a:bodyPr/>
        <a:lstStyle/>
        <a:p>
          <a:endParaRPr lang="LID4096"/>
        </a:p>
      </dgm:t>
    </dgm:pt>
    <dgm:pt modelId="{42C18AC3-2EEF-4A86-ADFD-9C3962761BD0}">
      <dgm:prSet phldrT="[Text]"/>
      <dgm:spPr/>
      <dgm:t>
        <a:bodyPr/>
        <a:lstStyle/>
        <a:p>
          <a:r>
            <a:rPr lang="en-US"/>
            <a:t>FINAL TERM</a:t>
          </a:r>
          <a:endParaRPr lang="LID4096"/>
        </a:p>
      </dgm:t>
    </dgm:pt>
    <dgm:pt modelId="{54B2E45D-7776-4EE6-9E89-3ECB258B2874}" type="parTrans" cxnId="{6B45B62E-9E79-451D-9F02-7C479020D685}">
      <dgm:prSet/>
      <dgm:spPr/>
      <dgm:t>
        <a:bodyPr/>
        <a:lstStyle/>
        <a:p>
          <a:endParaRPr lang="LID4096"/>
        </a:p>
      </dgm:t>
    </dgm:pt>
    <dgm:pt modelId="{DF945412-9C86-4B89-85D6-6E91DB56A1B6}" type="sibTrans" cxnId="{6B45B62E-9E79-451D-9F02-7C479020D685}">
      <dgm:prSet/>
      <dgm:spPr/>
      <dgm:t>
        <a:bodyPr/>
        <a:lstStyle/>
        <a:p>
          <a:endParaRPr lang="LID4096"/>
        </a:p>
      </dgm:t>
    </dgm:pt>
    <dgm:pt modelId="{002FD4AF-6CC2-4ED4-AA96-3EE8109F68DE}">
      <dgm:prSet phldrT="[Text]"/>
      <dgm:spPr/>
      <dgm:t>
        <a:bodyPr/>
        <a:lstStyle/>
        <a:p>
          <a:r>
            <a:rPr lang="en-US"/>
            <a:t>Use of timers</a:t>
          </a:r>
          <a:endParaRPr lang="LID4096"/>
        </a:p>
      </dgm:t>
    </dgm:pt>
    <dgm:pt modelId="{3B0CA039-33CB-466A-89CC-AD03E9619352}" type="parTrans" cxnId="{9F7EB4F3-E293-48E1-9FB8-294FDBB617FA}">
      <dgm:prSet/>
      <dgm:spPr/>
      <dgm:t>
        <a:bodyPr/>
        <a:lstStyle/>
        <a:p>
          <a:endParaRPr lang="LID4096"/>
        </a:p>
      </dgm:t>
    </dgm:pt>
    <dgm:pt modelId="{0378C949-D012-4B0F-8520-B06DF3863039}" type="sibTrans" cxnId="{9F7EB4F3-E293-48E1-9FB8-294FDBB617FA}">
      <dgm:prSet/>
      <dgm:spPr/>
      <dgm:t>
        <a:bodyPr/>
        <a:lstStyle/>
        <a:p>
          <a:endParaRPr lang="LID4096"/>
        </a:p>
      </dgm:t>
    </dgm:pt>
    <dgm:pt modelId="{1A35E0AC-C421-4049-BD02-166E73C606EB}">
      <dgm:prSet phldrT="[Text]"/>
      <dgm:spPr/>
      <dgm:t>
        <a:bodyPr/>
        <a:lstStyle/>
        <a:p>
          <a:r>
            <a:rPr lang="en-US"/>
            <a:t>2</a:t>
          </a:r>
          <a:r>
            <a:rPr lang="en-US" baseline="30000"/>
            <a:t>ND</a:t>
          </a:r>
          <a:r>
            <a:rPr lang="en-US"/>
            <a:t> TERM</a:t>
          </a:r>
          <a:endParaRPr lang="LID4096"/>
        </a:p>
      </dgm:t>
    </dgm:pt>
    <dgm:pt modelId="{871CDD9E-4118-482D-83B9-1F32B4EA8F38}" type="parTrans" cxnId="{D6BA513D-5BFF-401E-82A8-BBDD5895FAFB}">
      <dgm:prSet/>
      <dgm:spPr/>
      <dgm:t>
        <a:bodyPr/>
        <a:lstStyle/>
        <a:p>
          <a:endParaRPr lang="LID4096"/>
        </a:p>
      </dgm:t>
    </dgm:pt>
    <dgm:pt modelId="{58CE74A4-B55D-44CA-BB4D-EFE1076B2112}" type="sibTrans" cxnId="{D6BA513D-5BFF-401E-82A8-BBDD5895FAFB}">
      <dgm:prSet/>
      <dgm:spPr/>
      <dgm:t>
        <a:bodyPr/>
        <a:lstStyle/>
        <a:p>
          <a:endParaRPr lang="LID4096"/>
        </a:p>
      </dgm:t>
    </dgm:pt>
    <dgm:pt modelId="{B027537F-DA17-4869-991F-1CB28C6DA48D}">
      <dgm:prSet phldrT="[Text]"/>
      <dgm:spPr/>
      <dgm:t>
        <a:bodyPr/>
        <a:lstStyle/>
        <a:p>
          <a:r>
            <a:rPr lang="en-US"/>
            <a:t>PIC18 microcontroller architecture</a:t>
          </a:r>
          <a:endParaRPr lang="LID4096"/>
        </a:p>
      </dgm:t>
    </dgm:pt>
    <dgm:pt modelId="{7D6BFA09-36F3-4B1C-A87A-997A3A1D0C77}" type="parTrans" cxnId="{D0394C97-3747-43C3-8C54-B53A63AA2B44}">
      <dgm:prSet/>
      <dgm:spPr/>
      <dgm:t>
        <a:bodyPr/>
        <a:lstStyle/>
        <a:p>
          <a:endParaRPr lang="LID4096"/>
        </a:p>
      </dgm:t>
    </dgm:pt>
    <dgm:pt modelId="{F1C95ADB-0664-4E43-9C35-81CE8B01BFCA}" type="sibTrans" cxnId="{D0394C97-3747-43C3-8C54-B53A63AA2B44}">
      <dgm:prSet/>
      <dgm:spPr/>
      <dgm:t>
        <a:bodyPr/>
        <a:lstStyle/>
        <a:p>
          <a:endParaRPr lang="LID4096"/>
        </a:p>
      </dgm:t>
    </dgm:pt>
    <dgm:pt modelId="{CEEFB8F6-A0DC-4644-8A7E-BAB4EE894AB5}">
      <dgm:prSet phldrT="[Text]"/>
      <dgm:spPr/>
      <dgm:t>
        <a:bodyPr/>
        <a:lstStyle/>
        <a:p>
          <a:r>
            <a:rPr lang="en-US"/>
            <a:t>Memory organization of PIC18</a:t>
          </a:r>
          <a:endParaRPr lang="LID4096"/>
        </a:p>
      </dgm:t>
    </dgm:pt>
    <dgm:pt modelId="{E86EEFFB-876D-49F7-A7FB-804D30C49C76}" type="parTrans" cxnId="{9CE59FAE-E370-482D-8390-D1936D646FE2}">
      <dgm:prSet/>
      <dgm:spPr/>
      <dgm:t>
        <a:bodyPr/>
        <a:lstStyle/>
        <a:p>
          <a:endParaRPr lang="LID4096"/>
        </a:p>
      </dgm:t>
    </dgm:pt>
    <dgm:pt modelId="{2ECAE6F5-363E-4CBB-B5A9-A68F52B81E16}" type="sibTrans" cxnId="{9CE59FAE-E370-482D-8390-D1936D646FE2}">
      <dgm:prSet/>
      <dgm:spPr/>
      <dgm:t>
        <a:bodyPr/>
        <a:lstStyle/>
        <a:p>
          <a:endParaRPr lang="LID4096"/>
        </a:p>
      </dgm:t>
    </dgm:pt>
    <dgm:pt modelId="{4258213F-EDE7-4261-AAAB-044ED70FBC40}">
      <dgm:prSet phldrT="[Text]"/>
      <dgm:spPr/>
      <dgm:t>
        <a:bodyPr/>
        <a:lstStyle/>
        <a:p>
          <a:r>
            <a:rPr lang="en-US"/>
            <a:t>Assembly programming</a:t>
          </a:r>
          <a:endParaRPr lang="LID4096"/>
        </a:p>
      </dgm:t>
    </dgm:pt>
    <dgm:pt modelId="{32D18C9F-483A-4939-B4F6-75841A69B390}" type="parTrans" cxnId="{C8E4BFAD-D0FA-4304-8E39-CBD9345261B9}">
      <dgm:prSet/>
      <dgm:spPr/>
      <dgm:t>
        <a:bodyPr/>
        <a:lstStyle/>
        <a:p>
          <a:endParaRPr lang="LID4096"/>
        </a:p>
      </dgm:t>
    </dgm:pt>
    <dgm:pt modelId="{57437FB1-7881-4760-814D-BF723297E87E}" type="sibTrans" cxnId="{C8E4BFAD-D0FA-4304-8E39-CBD9345261B9}">
      <dgm:prSet/>
      <dgm:spPr/>
      <dgm:t>
        <a:bodyPr/>
        <a:lstStyle/>
        <a:p>
          <a:endParaRPr lang="LID4096"/>
        </a:p>
      </dgm:t>
    </dgm:pt>
    <dgm:pt modelId="{47F4E76C-633A-4574-94A0-FEF5543F3992}">
      <dgm:prSet phldrT="[Text]"/>
      <dgm:spPr/>
      <dgm:t>
        <a:bodyPr/>
        <a:lstStyle/>
        <a:p>
          <a:r>
            <a:rPr lang="en-US"/>
            <a:t>Embedded programming with C</a:t>
          </a:r>
          <a:endParaRPr lang="LID4096"/>
        </a:p>
      </dgm:t>
    </dgm:pt>
    <dgm:pt modelId="{6B45AB5E-7D64-4FEB-93E7-F24294892DDD}" type="parTrans" cxnId="{6FE80891-0A54-4630-8F8A-B5FE9F740AAA}">
      <dgm:prSet/>
      <dgm:spPr/>
      <dgm:t>
        <a:bodyPr/>
        <a:lstStyle/>
        <a:p>
          <a:endParaRPr lang="LID4096"/>
        </a:p>
      </dgm:t>
    </dgm:pt>
    <dgm:pt modelId="{BAF45849-4868-4659-9373-5C333EFC101D}" type="sibTrans" cxnId="{6FE80891-0A54-4630-8F8A-B5FE9F740AAA}">
      <dgm:prSet/>
      <dgm:spPr/>
      <dgm:t>
        <a:bodyPr/>
        <a:lstStyle/>
        <a:p>
          <a:endParaRPr lang="LID4096"/>
        </a:p>
      </dgm:t>
    </dgm:pt>
    <dgm:pt modelId="{71E1E17D-D9BA-45F1-9369-E04C6E34DFEE}">
      <dgm:prSet phldrT="[Text]"/>
      <dgm:spPr/>
      <dgm:t>
        <a:bodyPr/>
        <a:lstStyle/>
        <a:p>
          <a:r>
            <a:rPr lang="en-US"/>
            <a:t>General-purpose input/output (GPIO)</a:t>
          </a:r>
          <a:endParaRPr lang="LID4096"/>
        </a:p>
      </dgm:t>
    </dgm:pt>
    <dgm:pt modelId="{24F3BEE3-0726-4A9E-B81C-008D8A7209E9}" type="parTrans" cxnId="{698211D0-EC8F-4701-8AD2-88602D12189E}">
      <dgm:prSet/>
      <dgm:spPr/>
      <dgm:t>
        <a:bodyPr/>
        <a:lstStyle/>
        <a:p>
          <a:endParaRPr lang="LID4096"/>
        </a:p>
      </dgm:t>
    </dgm:pt>
    <dgm:pt modelId="{46F05C33-6FDA-4901-AC23-B95E1DE6C526}" type="sibTrans" cxnId="{698211D0-EC8F-4701-8AD2-88602D12189E}">
      <dgm:prSet/>
      <dgm:spPr/>
      <dgm:t>
        <a:bodyPr/>
        <a:lstStyle/>
        <a:p>
          <a:endParaRPr lang="LID4096"/>
        </a:p>
      </dgm:t>
    </dgm:pt>
    <dgm:pt modelId="{79888944-7AE5-40E2-AD47-4162E6D9DB69}">
      <dgm:prSet phldrT="[Text]"/>
      <dgm:spPr/>
      <dgm:t>
        <a:bodyPr/>
        <a:lstStyle/>
        <a:p>
          <a:r>
            <a:rPr lang="en-US"/>
            <a:t>Hardware interrupts and interrupt service</a:t>
          </a:r>
          <a:endParaRPr lang="LID4096"/>
        </a:p>
      </dgm:t>
    </dgm:pt>
    <dgm:pt modelId="{4502C81A-EE1B-40ED-BDB6-AFFE2558347B}" type="parTrans" cxnId="{DA745F58-FCF1-4C3E-B917-B0DA39CBB3ED}">
      <dgm:prSet/>
      <dgm:spPr/>
      <dgm:t>
        <a:bodyPr/>
        <a:lstStyle/>
        <a:p>
          <a:endParaRPr lang="LID4096"/>
        </a:p>
      </dgm:t>
    </dgm:pt>
    <dgm:pt modelId="{B8C1C0B9-22E9-40D4-B6A8-AC25A11D50D5}" type="sibTrans" cxnId="{DA745F58-FCF1-4C3E-B917-B0DA39CBB3ED}">
      <dgm:prSet/>
      <dgm:spPr/>
      <dgm:t>
        <a:bodyPr/>
        <a:lstStyle/>
        <a:p>
          <a:endParaRPr lang="LID4096"/>
        </a:p>
      </dgm:t>
    </dgm:pt>
    <dgm:pt modelId="{C4D1F35B-0A4F-4B50-A445-4EDCC87B5C0B}">
      <dgm:prSet phldrT="[Text]"/>
      <dgm:spPr/>
      <dgm:t>
        <a:bodyPr/>
        <a:lstStyle/>
        <a:p>
          <a:r>
            <a:rPr lang="en-US"/>
            <a:t>Analog to digital conversion</a:t>
          </a:r>
          <a:endParaRPr lang="LID4096"/>
        </a:p>
      </dgm:t>
    </dgm:pt>
    <dgm:pt modelId="{DFA153D0-2815-4FE9-A4E5-894FBB56272F}" type="parTrans" cxnId="{80B4F643-65A2-4451-9956-938598526806}">
      <dgm:prSet/>
      <dgm:spPr/>
      <dgm:t>
        <a:bodyPr/>
        <a:lstStyle/>
        <a:p>
          <a:endParaRPr lang="LID4096"/>
        </a:p>
      </dgm:t>
    </dgm:pt>
    <dgm:pt modelId="{0E2AC2BB-F4B2-487A-B5BD-4BCECBD702B5}" type="sibTrans" cxnId="{80B4F643-65A2-4451-9956-938598526806}">
      <dgm:prSet/>
      <dgm:spPr/>
      <dgm:t>
        <a:bodyPr/>
        <a:lstStyle/>
        <a:p>
          <a:endParaRPr lang="LID4096"/>
        </a:p>
      </dgm:t>
    </dgm:pt>
    <dgm:pt modelId="{849A6CA5-1DE1-4E22-A540-340773A0B814}">
      <dgm:prSet phldrT="[Text]"/>
      <dgm:spPr/>
      <dgm:t>
        <a:bodyPr/>
        <a:lstStyle/>
        <a:p>
          <a:r>
            <a:rPr lang="en-US"/>
            <a:t>Serial communications</a:t>
          </a:r>
          <a:endParaRPr lang="LID4096"/>
        </a:p>
      </dgm:t>
    </dgm:pt>
    <dgm:pt modelId="{22914264-951D-4312-ABA2-4530879B209A}" type="parTrans" cxnId="{75D0CDF8-0E48-45BB-B803-72A8F6C97CCA}">
      <dgm:prSet/>
      <dgm:spPr/>
      <dgm:t>
        <a:bodyPr/>
        <a:lstStyle/>
        <a:p>
          <a:endParaRPr lang="LID4096"/>
        </a:p>
      </dgm:t>
    </dgm:pt>
    <dgm:pt modelId="{575BE0D2-E601-478F-BF3C-D96FDA3BB265}" type="sibTrans" cxnId="{75D0CDF8-0E48-45BB-B803-72A8F6C97CCA}">
      <dgm:prSet/>
      <dgm:spPr/>
      <dgm:t>
        <a:bodyPr/>
        <a:lstStyle/>
        <a:p>
          <a:endParaRPr lang="LID4096"/>
        </a:p>
      </dgm:t>
    </dgm:pt>
    <dgm:pt modelId="{429738E7-10B1-43ED-A044-22C1FAD1BB45}" type="pres">
      <dgm:prSet presAssocID="{349140E4-1760-4FD4-94A1-298764E9BB76}" presName="Name0" presStyleCnt="0">
        <dgm:presLayoutVars>
          <dgm:dir/>
          <dgm:animLvl val="lvl"/>
          <dgm:resizeHandles val="exact"/>
        </dgm:presLayoutVars>
      </dgm:prSet>
      <dgm:spPr/>
    </dgm:pt>
    <dgm:pt modelId="{96C28333-4213-4EA9-9220-D73B20ADE152}" type="pres">
      <dgm:prSet presAssocID="{42C18AC3-2EEF-4A86-ADFD-9C3962761BD0}" presName="boxAndChildren" presStyleCnt="0"/>
      <dgm:spPr/>
    </dgm:pt>
    <dgm:pt modelId="{8135ACA5-7034-4F6B-B79D-775881B56D63}" type="pres">
      <dgm:prSet presAssocID="{42C18AC3-2EEF-4A86-ADFD-9C3962761BD0}" presName="parentTextBox" presStyleLbl="node1" presStyleIdx="0" presStyleCnt="3"/>
      <dgm:spPr/>
    </dgm:pt>
    <dgm:pt modelId="{8796FF07-196F-40CB-9105-7C302EE84F7D}" type="pres">
      <dgm:prSet presAssocID="{42C18AC3-2EEF-4A86-ADFD-9C3962761BD0}" presName="entireBox" presStyleLbl="node1" presStyleIdx="0" presStyleCnt="3"/>
      <dgm:spPr/>
    </dgm:pt>
    <dgm:pt modelId="{D1CD8476-97BB-43BC-A447-621D0FD90AAE}" type="pres">
      <dgm:prSet presAssocID="{42C18AC3-2EEF-4A86-ADFD-9C3962761BD0}" presName="descendantBox" presStyleCnt="0"/>
      <dgm:spPr/>
    </dgm:pt>
    <dgm:pt modelId="{184F4450-CBD1-4874-98B2-788D4E9770DA}" type="pres">
      <dgm:prSet presAssocID="{002FD4AF-6CC2-4ED4-AA96-3EE8109F68DE}" presName="childTextBox" presStyleLbl="fgAccFollowNode1" presStyleIdx="0" presStyleCnt="10">
        <dgm:presLayoutVars>
          <dgm:bulletEnabled val="1"/>
        </dgm:presLayoutVars>
      </dgm:prSet>
      <dgm:spPr/>
    </dgm:pt>
    <dgm:pt modelId="{DD93AF2A-F9F0-404A-9AAF-64E973FDE176}" type="pres">
      <dgm:prSet presAssocID="{C4D1F35B-0A4F-4B50-A445-4EDCC87B5C0B}" presName="childTextBox" presStyleLbl="fgAccFollowNode1" presStyleIdx="1" presStyleCnt="10">
        <dgm:presLayoutVars>
          <dgm:bulletEnabled val="1"/>
        </dgm:presLayoutVars>
      </dgm:prSet>
      <dgm:spPr/>
    </dgm:pt>
    <dgm:pt modelId="{E55ECE99-08B5-40EB-8231-6521FAC6413F}" type="pres">
      <dgm:prSet presAssocID="{849A6CA5-1DE1-4E22-A540-340773A0B814}" presName="childTextBox" presStyleLbl="fgAccFollowNode1" presStyleIdx="2" presStyleCnt="10">
        <dgm:presLayoutVars>
          <dgm:bulletEnabled val="1"/>
        </dgm:presLayoutVars>
      </dgm:prSet>
      <dgm:spPr/>
    </dgm:pt>
    <dgm:pt modelId="{7BCD67F9-41CD-4AF8-BDAB-47914C01769D}" type="pres">
      <dgm:prSet presAssocID="{58CE74A4-B55D-44CA-BB4D-EFE1076B2112}" presName="sp" presStyleCnt="0"/>
      <dgm:spPr/>
    </dgm:pt>
    <dgm:pt modelId="{E6F8BBAE-2FD1-4F10-9891-8B0D40B125F7}" type="pres">
      <dgm:prSet presAssocID="{1A35E0AC-C421-4049-BD02-166E73C606EB}" presName="arrowAndChildren" presStyleCnt="0"/>
      <dgm:spPr/>
    </dgm:pt>
    <dgm:pt modelId="{56E9BB4E-DEE7-4DF7-B0E2-4C8BE4428577}" type="pres">
      <dgm:prSet presAssocID="{1A35E0AC-C421-4049-BD02-166E73C606EB}" presName="parentTextArrow" presStyleLbl="node1" presStyleIdx="0" presStyleCnt="3"/>
      <dgm:spPr/>
    </dgm:pt>
    <dgm:pt modelId="{98D0BE56-2CCA-4377-8A8C-73B1846C6538}" type="pres">
      <dgm:prSet presAssocID="{1A35E0AC-C421-4049-BD02-166E73C606EB}" presName="arrow" presStyleLbl="node1" presStyleIdx="1" presStyleCnt="3"/>
      <dgm:spPr/>
    </dgm:pt>
    <dgm:pt modelId="{9D38F80D-C305-4B07-BE6D-C702C51D0F93}" type="pres">
      <dgm:prSet presAssocID="{1A35E0AC-C421-4049-BD02-166E73C606EB}" presName="descendantArrow" presStyleCnt="0"/>
      <dgm:spPr/>
    </dgm:pt>
    <dgm:pt modelId="{2607F263-A156-48CC-9CBD-7B0135B700F5}" type="pres">
      <dgm:prSet presAssocID="{47F4E76C-633A-4574-94A0-FEF5543F3992}" presName="childTextArrow" presStyleLbl="fgAccFollowNode1" presStyleIdx="3" presStyleCnt="10">
        <dgm:presLayoutVars>
          <dgm:bulletEnabled val="1"/>
        </dgm:presLayoutVars>
      </dgm:prSet>
      <dgm:spPr/>
    </dgm:pt>
    <dgm:pt modelId="{811AC402-E234-4095-90A7-B22F61B72004}" type="pres">
      <dgm:prSet presAssocID="{71E1E17D-D9BA-45F1-9369-E04C6E34DFEE}" presName="childTextArrow" presStyleLbl="fgAccFollowNode1" presStyleIdx="4" presStyleCnt="10">
        <dgm:presLayoutVars>
          <dgm:bulletEnabled val="1"/>
        </dgm:presLayoutVars>
      </dgm:prSet>
      <dgm:spPr/>
    </dgm:pt>
    <dgm:pt modelId="{5A2C73B6-BFA2-4479-97A9-4D2292441A99}" type="pres">
      <dgm:prSet presAssocID="{79888944-7AE5-40E2-AD47-4162E6D9DB69}" presName="childTextArrow" presStyleLbl="fgAccFollowNode1" presStyleIdx="5" presStyleCnt="10">
        <dgm:presLayoutVars>
          <dgm:bulletEnabled val="1"/>
        </dgm:presLayoutVars>
      </dgm:prSet>
      <dgm:spPr/>
    </dgm:pt>
    <dgm:pt modelId="{3FC113FB-2199-4AE6-B484-13CA85C7C31E}" type="pres">
      <dgm:prSet presAssocID="{EE096B29-1AD9-4421-AB86-FDB180479931}" presName="sp" presStyleCnt="0"/>
      <dgm:spPr/>
    </dgm:pt>
    <dgm:pt modelId="{0D27BF4B-D8DF-41DE-AE1F-B6A150D167BF}" type="pres">
      <dgm:prSet presAssocID="{09BCBCFD-F914-4869-900C-AFF929DAE392}" presName="arrowAndChildren" presStyleCnt="0"/>
      <dgm:spPr/>
    </dgm:pt>
    <dgm:pt modelId="{6C987645-369E-4782-9D17-DF83ACE4E3BE}" type="pres">
      <dgm:prSet presAssocID="{09BCBCFD-F914-4869-900C-AFF929DAE392}" presName="parentTextArrow" presStyleLbl="node1" presStyleIdx="1" presStyleCnt="3"/>
      <dgm:spPr/>
    </dgm:pt>
    <dgm:pt modelId="{5E2D19CB-6635-4059-8941-099959F9C2B4}" type="pres">
      <dgm:prSet presAssocID="{09BCBCFD-F914-4869-900C-AFF929DAE392}" presName="arrow" presStyleLbl="node1" presStyleIdx="2" presStyleCnt="3"/>
      <dgm:spPr/>
    </dgm:pt>
    <dgm:pt modelId="{64EADDFB-C09D-4C82-B0D1-C05BF5B989DD}" type="pres">
      <dgm:prSet presAssocID="{09BCBCFD-F914-4869-900C-AFF929DAE392}" presName="descendantArrow" presStyleCnt="0"/>
      <dgm:spPr/>
    </dgm:pt>
    <dgm:pt modelId="{1770F477-9856-45FA-A37F-8D694534A0DF}" type="pres">
      <dgm:prSet presAssocID="{D9B0179F-E30B-4C19-8FEB-2D4D380839DB}" presName="childTextArrow" presStyleLbl="fgAccFollowNode1" presStyleIdx="6" presStyleCnt="10">
        <dgm:presLayoutVars>
          <dgm:bulletEnabled val="1"/>
        </dgm:presLayoutVars>
      </dgm:prSet>
      <dgm:spPr/>
    </dgm:pt>
    <dgm:pt modelId="{60E538D1-C8DC-4309-A513-FA7BB5E70648}" type="pres">
      <dgm:prSet presAssocID="{B027537F-DA17-4869-991F-1CB28C6DA48D}" presName="childTextArrow" presStyleLbl="fgAccFollowNode1" presStyleIdx="7" presStyleCnt="10">
        <dgm:presLayoutVars>
          <dgm:bulletEnabled val="1"/>
        </dgm:presLayoutVars>
      </dgm:prSet>
      <dgm:spPr/>
    </dgm:pt>
    <dgm:pt modelId="{D0BD5964-2AC8-4BBA-852B-66DD2ACAC9BD}" type="pres">
      <dgm:prSet presAssocID="{CEEFB8F6-A0DC-4644-8A7E-BAB4EE894AB5}" presName="childTextArrow" presStyleLbl="fgAccFollowNode1" presStyleIdx="8" presStyleCnt="10">
        <dgm:presLayoutVars>
          <dgm:bulletEnabled val="1"/>
        </dgm:presLayoutVars>
      </dgm:prSet>
      <dgm:spPr/>
    </dgm:pt>
    <dgm:pt modelId="{71EABD67-D9D8-44CA-8A2C-79175F538323}" type="pres">
      <dgm:prSet presAssocID="{4258213F-EDE7-4261-AAAB-044ED70FBC40}" presName="childTextArrow" presStyleLbl="fgAccFollowNode1" presStyleIdx="9" presStyleCnt="10">
        <dgm:presLayoutVars>
          <dgm:bulletEnabled val="1"/>
        </dgm:presLayoutVars>
      </dgm:prSet>
      <dgm:spPr/>
    </dgm:pt>
  </dgm:ptLst>
  <dgm:cxnLst>
    <dgm:cxn modelId="{ABB3AE06-7360-4450-81D0-4874C7BB0F52}" type="presOf" srcId="{79888944-7AE5-40E2-AD47-4162E6D9DB69}" destId="{5A2C73B6-BFA2-4479-97A9-4D2292441A99}" srcOrd="0" destOrd="0" presId="urn:microsoft.com/office/officeart/2005/8/layout/process4"/>
    <dgm:cxn modelId="{0DDA7A07-FDE5-4D89-89F7-3209273B1ACB}" type="presOf" srcId="{CEEFB8F6-A0DC-4644-8A7E-BAB4EE894AB5}" destId="{D0BD5964-2AC8-4BBA-852B-66DD2ACAC9BD}" srcOrd="0" destOrd="0" presId="urn:microsoft.com/office/officeart/2005/8/layout/process4"/>
    <dgm:cxn modelId="{202DEF2C-AD42-475D-8047-3B43173648AF}" type="presOf" srcId="{C4D1F35B-0A4F-4B50-A445-4EDCC87B5C0B}" destId="{DD93AF2A-F9F0-404A-9AAF-64E973FDE176}" srcOrd="0" destOrd="0" presId="urn:microsoft.com/office/officeart/2005/8/layout/process4"/>
    <dgm:cxn modelId="{6B45B62E-9E79-451D-9F02-7C479020D685}" srcId="{349140E4-1760-4FD4-94A1-298764E9BB76}" destId="{42C18AC3-2EEF-4A86-ADFD-9C3962761BD0}" srcOrd="2" destOrd="0" parTransId="{54B2E45D-7776-4EE6-9E89-3ECB258B2874}" sibTransId="{DF945412-9C86-4B89-85D6-6E91DB56A1B6}"/>
    <dgm:cxn modelId="{246A852F-115A-4F0D-B25B-EDCE82755F74}" srcId="{349140E4-1760-4FD4-94A1-298764E9BB76}" destId="{09BCBCFD-F914-4869-900C-AFF929DAE392}" srcOrd="0" destOrd="0" parTransId="{C2740819-DE3F-443C-88FC-B50859788FEC}" sibTransId="{EE096B29-1AD9-4421-AB86-FDB180479931}"/>
    <dgm:cxn modelId="{D39DB131-2230-427F-9FEF-1844832731F6}" type="presOf" srcId="{D9B0179F-E30B-4C19-8FEB-2D4D380839DB}" destId="{1770F477-9856-45FA-A37F-8D694534A0DF}" srcOrd="0" destOrd="0" presId="urn:microsoft.com/office/officeart/2005/8/layout/process4"/>
    <dgm:cxn modelId="{D6BA513D-5BFF-401E-82A8-BBDD5895FAFB}" srcId="{349140E4-1760-4FD4-94A1-298764E9BB76}" destId="{1A35E0AC-C421-4049-BD02-166E73C606EB}" srcOrd="1" destOrd="0" parTransId="{871CDD9E-4118-482D-83B9-1F32B4EA8F38}" sibTransId="{58CE74A4-B55D-44CA-BB4D-EFE1076B2112}"/>
    <dgm:cxn modelId="{1A8D273F-2E52-4231-992E-F31DA0587790}" type="presOf" srcId="{71E1E17D-D9BA-45F1-9369-E04C6E34DFEE}" destId="{811AC402-E234-4095-90A7-B22F61B72004}" srcOrd="0" destOrd="0" presId="urn:microsoft.com/office/officeart/2005/8/layout/process4"/>
    <dgm:cxn modelId="{80B4F643-65A2-4451-9956-938598526806}" srcId="{42C18AC3-2EEF-4A86-ADFD-9C3962761BD0}" destId="{C4D1F35B-0A4F-4B50-A445-4EDCC87B5C0B}" srcOrd="1" destOrd="0" parTransId="{DFA153D0-2815-4FE9-A4E5-894FBB56272F}" sibTransId="{0E2AC2BB-F4B2-487A-B5BD-4BCECBD702B5}"/>
    <dgm:cxn modelId="{A0EBC34D-D3C4-4828-AB9B-6CABC3A73065}" type="presOf" srcId="{4258213F-EDE7-4261-AAAB-044ED70FBC40}" destId="{71EABD67-D9D8-44CA-8A2C-79175F538323}" srcOrd="0" destOrd="0" presId="urn:microsoft.com/office/officeart/2005/8/layout/process4"/>
    <dgm:cxn modelId="{7CCE4753-DDBC-4B26-901D-52AE3C362896}" type="presOf" srcId="{47F4E76C-633A-4574-94A0-FEF5543F3992}" destId="{2607F263-A156-48CC-9CBD-7B0135B700F5}" srcOrd="0" destOrd="0" presId="urn:microsoft.com/office/officeart/2005/8/layout/process4"/>
    <dgm:cxn modelId="{35EA0075-D9C7-4995-AABB-21B63D9E3BF6}" type="presOf" srcId="{349140E4-1760-4FD4-94A1-298764E9BB76}" destId="{429738E7-10B1-43ED-A044-22C1FAD1BB45}" srcOrd="0" destOrd="0" presId="urn:microsoft.com/office/officeart/2005/8/layout/process4"/>
    <dgm:cxn modelId="{DF850676-D90D-4480-A6EF-FA467C5A0193}" type="presOf" srcId="{42C18AC3-2EEF-4A86-ADFD-9C3962761BD0}" destId="{8796FF07-196F-40CB-9105-7C302EE84F7D}" srcOrd="1" destOrd="0" presId="urn:microsoft.com/office/officeart/2005/8/layout/process4"/>
    <dgm:cxn modelId="{6EE69156-1627-4F6C-97AD-0A3DA1B8A87E}" type="presOf" srcId="{09BCBCFD-F914-4869-900C-AFF929DAE392}" destId="{5E2D19CB-6635-4059-8941-099959F9C2B4}" srcOrd="1" destOrd="0" presId="urn:microsoft.com/office/officeart/2005/8/layout/process4"/>
    <dgm:cxn modelId="{DA745F58-FCF1-4C3E-B917-B0DA39CBB3ED}" srcId="{1A35E0AC-C421-4049-BD02-166E73C606EB}" destId="{79888944-7AE5-40E2-AD47-4162E6D9DB69}" srcOrd="2" destOrd="0" parTransId="{4502C81A-EE1B-40ED-BDB6-AFFE2558347B}" sibTransId="{B8C1C0B9-22E9-40D4-B6A8-AC25A11D50D5}"/>
    <dgm:cxn modelId="{49EFF387-AE66-459C-B9B7-693557897A0E}" type="presOf" srcId="{1A35E0AC-C421-4049-BD02-166E73C606EB}" destId="{56E9BB4E-DEE7-4DF7-B0E2-4C8BE4428577}" srcOrd="0" destOrd="0" presId="urn:microsoft.com/office/officeart/2005/8/layout/process4"/>
    <dgm:cxn modelId="{6FE80891-0A54-4630-8F8A-B5FE9F740AAA}" srcId="{1A35E0AC-C421-4049-BD02-166E73C606EB}" destId="{47F4E76C-633A-4574-94A0-FEF5543F3992}" srcOrd="0" destOrd="0" parTransId="{6B45AB5E-7D64-4FEB-93E7-F24294892DDD}" sibTransId="{BAF45849-4868-4659-9373-5C333EFC101D}"/>
    <dgm:cxn modelId="{D0394C97-3747-43C3-8C54-B53A63AA2B44}" srcId="{09BCBCFD-F914-4869-900C-AFF929DAE392}" destId="{B027537F-DA17-4869-991F-1CB28C6DA48D}" srcOrd="1" destOrd="0" parTransId="{7D6BFA09-36F3-4B1C-A87A-997A3A1D0C77}" sibTransId="{F1C95ADB-0664-4E43-9C35-81CE8B01BFCA}"/>
    <dgm:cxn modelId="{1387BD99-4274-42C2-B21F-18C13973DC7C}" type="presOf" srcId="{09BCBCFD-F914-4869-900C-AFF929DAE392}" destId="{6C987645-369E-4782-9D17-DF83ACE4E3BE}" srcOrd="0" destOrd="0" presId="urn:microsoft.com/office/officeart/2005/8/layout/process4"/>
    <dgm:cxn modelId="{83C5829C-2633-47E4-A46A-09586292A229}" type="presOf" srcId="{1A35E0AC-C421-4049-BD02-166E73C606EB}" destId="{98D0BE56-2CCA-4377-8A8C-73B1846C6538}" srcOrd="1" destOrd="0" presId="urn:microsoft.com/office/officeart/2005/8/layout/process4"/>
    <dgm:cxn modelId="{709C83A2-6698-4626-B8AB-1FBCF2FCC58D}" type="presOf" srcId="{002FD4AF-6CC2-4ED4-AA96-3EE8109F68DE}" destId="{184F4450-CBD1-4874-98B2-788D4E9770DA}" srcOrd="0" destOrd="0" presId="urn:microsoft.com/office/officeart/2005/8/layout/process4"/>
    <dgm:cxn modelId="{C8E4BFAD-D0FA-4304-8E39-CBD9345261B9}" srcId="{09BCBCFD-F914-4869-900C-AFF929DAE392}" destId="{4258213F-EDE7-4261-AAAB-044ED70FBC40}" srcOrd="3" destOrd="0" parTransId="{32D18C9F-483A-4939-B4F6-75841A69B390}" sibTransId="{57437FB1-7881-4760-814D-BF723297E87E}"/>
    <dgm:cxn modelId="{9CE59FAE-E370-482D-8390-D1936D646FE2}" srcId="{09BCBCFD-F914-4869-900C-AFF929DAE392}" destId="{CEEFB8F6-A0DC-4644-8A7E-BAB4EE894AB5}" srcOrd="2" destOrd="0" parTransId="{E86EEFFB-876D-49F7-A7FB-804D30C49C76}" sibTransId="{2ECAE6F5-363E-4CBB-B5A9-A68F52B81E16}"/>
    <dgm:cxn modelId="{8F5B22C3-D81E-46F6-9417-282E4C7A90E5}" type="presOf" srcId="{849A6CA5-1DE1-4E22-A540-340773A0B814}" destId="{E55ECE99-08B5-40EB-8231-6521FAC6413F}" srcOrd="0" destOrd="0" presId="urn:microsoft.com/office/officeart/2005/8/layout/process4"/>
    <dgm:cxn modelId="{0681D1C5-3CAC-4DA7-B568-A90607CC5599}" type="presOf" srcId="{B027537F-DA17-4869-991F-1CB28C6DA48D}" destId="{60E538D1-C8DC-4309-A513-FA7BB5E70648}" srcOrd="0" destOrd="0" presId="urn:microsoft.com/office/officeart/2005/8/layout/process4"/>
    <dgm:cxn modelId="{4D01D2CE-F9EB-4DFC-B7D8-4B48C6962A52}" type="presOf" srcId="{42C18AC3-2EEF-4A86-ADFD-9C3962761BD0}" destId="{8135ACA5-7034-4F6B-B79D-775881B56D63}" srcOrd="0" destOrd="0" presId="urn:microsoft.com/office/officeart/2005/8/layout/process4"/>
    <dgm:cxn modelId="{698211D0-EC8F-4701-8AD2-88602D12189E}" srcId="{1A35E0AC-C421-4049-BD02-166E73C606EB}" destId="{71E1E17D-D9BA-45F1-9369-E04C6E34DFEE}" srcOrd="1" destOrd="0" parTransId="{24F3BEE3-0726-4A9E-B81C-008D8A7209E9}" sibTransId="{46F05C33-6FDA-4901-AC23-B95E1DE6C526}"/>
    <dgm:cxn modelId="{9F7EB4F3-E293-48E1-9FB8-294FDBB617FA}" srcId="{42C18AC3-2EEF-4A86-ADFD-9C3962761BD0}" destId="{002FD4AF-6CC2-4ED4-AA96-3EE8109F68DE}" srcOrd="0" destOrd="0" parTransId="{3B0CA039-33CB-466A-89CC-AD03E9619352}" sibTransId="{0378C949-D012-4B0F-8520-B06DF3863039}"/>
    <dgm:cxn modelId="{E27947F8-DCFF-423F-8149-281E27DAC315}" srcId="{09BCBCFD-F914-4869-900C-AFF929DAE392}" destId="{D9B0179F-E30B-4C19-8FEB-2D4D380839DB}" srcOrd="0" destOrd="0" parTransId="{DDC2D979-AFB6-4437-BDB4-72F7D6D037D6}" sibTransId="{775A2495-96E4-4AF8-BEFB-7A250ECABAE9}"/>
    <dgm:cxn modelId="{75D0CDF8-0E48-45BB-B803-72A8F6C97CCA}" srcId="{42C18AC3-2EEF-4A86-ADFD-9C3962761BD0}" destId="{849A6CA5-1DE1-4E22-A540-340773A0B814}" srcOrd="2" destOrd="0" parTransId="{22914264-951D-4312-ABA2-4530879B209A}" sibTransId="{575BE0D2-E601-478F-BF3C-D96FDA3BB265}"/>
    <dgm:cxn modelId="{C1A479A7-13B6-4D6A-9AC6-85C635ED9AB9}" type="presParOf" srcId="{429738E7-10B1-43ED-A044-22C1FAD1BB45}" destId="{96C28333-4213-4EA9-9220-D73B20ADE152}" srcOrd="0" destOrd="0" presId="urn:microsoft.com/office/officeart/2005/8/layout/process4"/>
    <dgm:cxn modelId="{32611797-BF67-4996-86A6-FD8BC18E5755}" type="presParOf" srcId="{96C28333-4213-4EA9-9220-D73B20ADE152}" destId="{8135ACA5-7034-4F6B-B79D-775881B56D63}" srcOrd="0" destOrd="0" presId="urn:microsoft.com/office/officeart/2005/8/layout/process4"/>
    <dgm:cxn modelId="{E20955F0-210D-41F3-B5EF-83C0E6E66A0C}" type="presParOf" srcId="{96C28333-4213-4EA9-9220-D73B20ADE152}" destId="{8796FF07-196F-40CB-9105-7C302EE84F7D}" srcOrd="1" destOrd="0" presId="urn:microsoft.com/office/officeart/2005/8/layout/process4"/>
    <dgm:cxn modelId="{55716AE8-F93E-4228-ABBA-F9B8CE1A3524}" type="presParOf" srcId="{96C28333-4213-4EA9-9220-D73B20ADE152}" destId="{D1CD8476-97BB-43BC-A447-621D0FD90AAE}" srcOrd="2" destOrd="0" presId="urn:microsoft.com/office/officeart/2005/8/layout/process4"/>
    <dgm:cxn modelId="{F0D21238-E015-4975-98B2-4426525C4D4F}" type="presParOf" srcId="{D1CD8476-97BB-43BC-A447-621D0FD90AAE}" destId="{184F4450-CBD1-4874-98B2-788D4E9770DA}" srcOrd="0" destOrd="0" presId="urn:microsoft.com/office/officeart/2005/8/layout/process4"/>
    <dgm:cxn modelId="{95741B90-4E31-42A4-A434-E89074A1C5BC}" type="presParOf" srcId="{D1CD8476-97BB-43BC-A447-621D0FD90AAE}" destId="{DD93AF2A-F9F0-404A-9AAF-64E973FDE176}" srcOrd="1" destOrd="0" presId="urn:microsoft.com/office/officeart/2005/8/layout/process4"/>
    <dgm:cxn modelId="{11B6EDD2-8FED-437D-880F-F21843EC1BBA}" type="presParOf" srcId="{D1CD8476-97BB-43BC-A447-621D0FD90AAE}" destId="{E55ECE99-08B5-40EB-8231-6521FAC6413F}" srcOrd="2" destOrd="0" presId="urn:microsoft.com/office/officeart/2005/8/layout/process4"/>
    <dgm:cxn modelId="{FD28D362-B2EC-4ED6-8483-E0ACF49DA766}" type="presParOf" srcId="{429738E7-10B1-43ED-A044-22C1FAD1BB45}" destId="{7BCD67F9-41CD-4AF8-BDAB-47914C01769D}" srcOrd="1" destOrd="0" presId="urn:microsoft.com/office/officeart/2005/8/layout/process4"/>
    <dgm:cxn modelId="{3AC84252-AB4D-4591-B5EB-35D521BA8D2D}" type="presParOf" srcId="{429738E7-10B1-43ED-A044-22C1FAD1BB45}" destId="{E6F8BBAE-2FD1-4F10-9891-8B0D40B125F7}" srcOrd="2" destOrd="0" presId="urn:microsoft.com/office/officeart/2005/8/layout/process4"/>
    <dgm:cxn modelId="{A6B45401-76B5-4EB4-92DB-9E48DFFB6542}" type="presParOf" srcId="{E6F8BBAE-2FD1-4F10-9891-8B0D40B125F7}" destId="{56E9BB4E-DEE7-4DF7-B0E2-4C8BE4428577}" srcOrd="0" destOrd="0" presId="urn:microsoft.com/office/officeart/2005/8/layout/process4"/>
    <dgm:cxn modelId="{00FA287C-B111-4B1D-A683-172FDF8D262F}" type="presParOf" srcId="{E6F8BBAE-2FD1-4F10-9891-8B0D40B125F7}" destId="{98D0BE56-2CCA-4377-8A8C-73B1846C6538}" srcOrd="1" destOrd="0" presId="urn:microsoft.com/office/officeart/2005/8/layout/process4"/>
    <dgm:cxn modelId="{3298A70C-3524-4BE4-9F32-39A6C3083054}" type="presParOf" srcId="{E6F8BBAE-2FD1-4F10-9891-8B0D40B125F7}" destId="{9D38F80D-C305-4B07-BE6D-C702C51D0F93}" srcOrd="2" destOrd="0" presId="urn:microsoft.com/office/officeart/2005/8/layout/process4"/>
    <dgm:cxn modelId="{46B78126-D80A-49EE-834F-F5D5B3DA9655}" type="presParOf" srcId="{9D38F80D-C305-4B07-BE6D-C702C51D0F93}" destId="{2607F263-A156-48CC-9CBD-7B0135B700F5}" srcOrd="0" destOrd="0" presId="urn:microsoft.com/office/officeart/2005/8/layout/process4"/>
    <dgm:cxn modelId="{07890C31-E290-4D50-8B6F-FAB457A0E38C}" type="presParOf" srcId="{9D38F80D-C305-4B07-BE6D-C702C51D0F93}" destId="{811AC402-E234-4095-90A7-B22F61B72004}" srcOrd="1" destOrd="0" presId="urn:microsoft.com/office/officeart/2005/8/layout/process4"/>
    <dgm:cxn modelId="{8A3A5343-7975-4937-ACE3-952009BE6118}" type="presParOf" srcId="{9D38F80D-C305-4B07-BE6D-C702C51D0F93}" destId="{5A2C73B6-BFA2-4479-97A9-4D2292441A99}" srcOrd="2" destOrd="0" presId="urn:microsoft.com/office/officeart/2005/8/layout/process4"/>
    <dgm:cxn modelId="{ABA6984D-B484-432B-A664-6B0EFE04FCAF}" type="presParOf" srcId="{429738E7-10B1-43ED-A044-22C1FAD1BB45}" destId="{3FC113FB-2199-4AE6-B484-13CA85C7C31E}" srcOrd="3" destOrd="0" presId="urn:microsoft.com/office/officeart/2005/8/layout/process4"/>
    <dgm:cxn modelId="{4EE280CE-327C-4622-ADDB-2DA6F0660CCD}" type="presParOf" srcId="{429738E7-10B1-43ED-A044-22C1FAD1BB45}" destId="{0D27BF4B-D8DF-41DE-AE1F-B6A150D167BF}" srcOrd="4" destOrd="0" presId="urn:microsoft.com/office/officeart/2005/8/layout/process4"/>
    <dgm:cxn modelId="{C756E497-9F3A-4D52-B9CE-0434714F086A}" type="presParOf" srcId="{0D27BF4B-D8DF-41DE-AE1F-B6A150D167BF}" destId="{6C987645-369E-4782-9D17-DF83ACE4E3BE}" srcOrd="0" destOrd="0" presId="urn:microsoft.com/office/officeart/2005/8/layout/process4"/>
    <dgm:cxn modelId="{6BFE5CFB-096D-4E23-B591-01405A274C76}" type="presParOf" srcId="{0D27BF4B-D8DF-41DE-AE1F-B6A150D167BF}" destId="{5E2D19CB-6635-4059-8941-099959F9C2B4}" srcOrd="1" destOrd="0" presId="urn:microsoft.com/office/officeart/2005/8/layout/process4"/>
    <dgm:cxn modelId="{AF137AD4-CA4D-4E90-85C6-834E9FDC9E23}" type="presParOf" srcId="{0D27BF4B-D8DF-41DE-AE1F-B6A150D167BF}" destId="{64EADDFB-C09D-4C82-B0D1-C05BF5B989DD}" srcOrd="2" destOrd="0" presId="urn:microsoft.com/office/officeart/2005/8/layout/process4"/>
    <dgm:cxn modelId="{871BCDD1-28D8-4A8B-9810-15845545F395}" type="presParOf" srcId="{64EADDFB-C09D-4C82-B0D1-C05BF5B989DD}" destId="{1770F477-9856-45FA-A37F-8D694534A0DF}" srcOrd="0" destOrd="0" presId="urn:microsoft.com/office/officeart/2005/8/layout/process4"/>
    <dgm:cxn modelId="{3F86AC3C-2E43-4A68-B928-20DE24A3E8B4}" type="presParOf" srcId="{64EADDFB-C09D-4C82-B0D1-C05BF5B989DD}" destId="{60E538D1-C8DC-4309-A513-FA7BB5E70648}" srcOrd="1" destOrd="0" presId="urn:microsoft.com/office/officeart/2005/8/layout/process4"/>
    <dgm:cxn modelId="{ED2EF0CA-1139-454D-9E76-16E6A7562F50}" type="presParOf" srcId="{64EADDFB-C09D-4C82-B0D1-C05BF5B989DD}" destId="{D0BD5964-2AC8-4BBA-852B-66DD2ACAC9BD}" srcOrd="2" destOrd="0" presId="urn:microsoft.com/office/officeart/2005/8/layout/process4"/>
    <dgm:cxn modelId="{57BBE02A-EC54-4E89-A7F1-B0A4E55DC8D5}" type="presParOf" srcId="{64EADDFB-C09D-4C82-B0D1-C05BF5B989DD}" destId="{71EABD67-D9D8-44CA-8A2C-79175F538323}" srcOrd="3" destOrd="0" presId="urn:microsoft.com/office/officeart/2005/8/layout/process4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7.xml><?xml version="1.0" encoding="utf-8"?>
<dgm:dataModel xmlns:dgm="http://schemas.openxmlformats.org/drawingml/2006/diagram" xmlns:a="http://schemas.openxmlformats.org/drawingml/2006/main">
  <dgm:ptLst>
    <dgm:pt modelId="{580E5078-C70F-4593-A32C-9CD8A6951CC7}" type="doc">
      <dgm:prSet loTypeId="urn:microsoft.com/office/officeart/2005/8/layout/architecture" loCatId="relationship" qsTypeId="urn:microsoft.com/office/officeart/2005/8/quickstyle/simple4" qsCatId="simple" csTypeId="urn:microsoft.com/office/officeart/2005/8/colors/colorful5" csCatId="colorful" phldr="1"/>
      <dgm:spPr/>
      <dgm:t>
        <a:bodyPr/>
        <a:lstStyle/>
        <a:p>
          <a:endParaRPr lang="LID4096"/>
        </a:p>
      </dgm:t>
    </dgm:pt>
    <dgm:pt modelId="{74D9017C-9F11-483E-BE5D-4B2912F739D4}">
      <dgm:prSet phldrT="[Text]"/>
      <dgm:spPr/>
      <dgm:t>
        <a:bodyPr/>
        <a:lstStyle/>
        <a:p>
          <a:r>
            <a:rPr lang="en-US"/>
            <a:t>Instruction Set</a:t>
          </a:r>
          <a:endParaRPr lang="LID4096"/>
        </a:p>
      </dgm:t>
    </dgm:pt>
    <dgm:pt modelId="{C28B4FFD-BA0C-4D2B-8B52-6880289A8E70}" type="parTrans" cxnId="{B19A74CF-5935-45F6-91E0-FB06E50A0C12}">
      <dgm:prSet/>
      <dgm:spPr/>
      <dgm:t>
        <a:bodyPr/>
        <a:lstStyle/>
        <a:p>
          <a:endParaRPr lang="LID4096"/>
        </a:p>
      </dgm:t>
    </dgm:pt>
    <dgm:pt modelId="{40C61992-F1FB-4A5F-B300-7E9F9D3424E8}" type="sibTrans" cxnId="{B19A74CF-5935-45F6-91E0-FB06E50A0C12}">
      <dgm:prSet/>
      <dgm:spPr/>
      <dgm:t>
        <a:bodyPr/>
        <a:lstStyle/>
        <a:p>
          <a:endParaRPr lang="LID4096"/>
        </a:p>
      </dgm:t>
    </dgm:pt>
    <dgm:pt modelId="{7ED20F4F-85B3-4B6E-BAFB-FCA3CEB6E8F2}">
      <dgm:prSet phldrT="[Text]"/>
      <dgm:spPr/>
      <dgm:t>
        <a:bodyPr/>
        <a:lstStyle/>
        <a:p>
          <a:r>
            <a:rPr lang="es-MX"/>
            <a:t>Software</a:t>
          </a:r>
          <a:endParaRPr lang="LID4096"/>
        </a:p>
      </dgm:t>
    </dgm:pt>
    <dgm:pt modelId="{3CFB5954-129E-4645-96E2-C04643CBF994}" type="parTrans" cxnId="{48690AA6-ED9C-4D68-93CF-A1FFD0283442}">
      <dgm:prSet/>
      <dgm:spPr/>
      <dgm:t>
        <a:bodyPr/>
        <a:lstStyle/>
        <a:p>
          <a:endParaRPr lang="LID4096"/>
        </a:p>
      </dgm:t>
    </dgm:pt>
    <dgm:pt modelId="{51AD7980-DEC0-44E3-BF79-7E5F43546C66}" type="sibTrans" cxnId="{48690AA6-ED9C-4D68-93CF-A1FFD0283442}">
      <dgm:prSet/>
      <dgm:spPr/>
      <dgm:t>
        <a:bodyPr/>
        <a:lstStyle/>
        <a:p>
          <a:endParaRPr lang="LID4096"/>
        </a:p>
      </dgm:t>
    </dgm:pt>
    <dgm:pt modelId="{825C1B96-E1CF-4526-943F-B98D63725B1A}">
      <dgm:prSet phldrT="[Text]"/>
      <dgm:spPr/>
      <dgm:t>
        <a:bodyPr/>
        <a:lstStyle/>
        <a:p>
          <a:r>
            <a:rPr lang="es-MX"/>
            <a:t>Integrated Development Environment</a:t>
          </a:r>
          <a:endParaRPr lang="LID4096"/>
        </a:p>
      </dgm:t>
    </dgm:pt>
    <dgm:pt modelId="{6B0850D1-EB6E-41BF-AA80-DE74A5868D52}" type="parTrans" cxnId="{4555F7BE-630B-442C-BFB8-2E0ED28132C8}">
      <dgm:prSet/>
      <dgm:spPr/>
      <dgm:t>
        <a:bodyPr/>
        <a:lstStyle/>
        <a:p>
          <a:endParaRPr lang="LID4096"/>
        </a:p>
      </dgm:t>
    </dgm:pt>
    <dgm:pt modelId="{A6E4F99C-F2C8-4CB4-9AB3-DA4B7C33BD75}" type="sibTrans" cxnId="{4555F7BE-630B-442C-BFB8-2E0ED28132C8}">
      <dgm:prSet/>
      <dgm:spPr/>
      <dgm:t>
        <a:bodyPr/>
        <a:lstStyle/>
        <a:p>
          <a:endParaRPr lang="LID4096"/>
        </a:p>
      </dgm:t>
    </dgm:pt>
    <dgm:pt modelId="{D13B79D7-34D6-414B-AA7F-3F2737812F2B}">
      <dgm:prSet phldrT="[Text]"/>
      <dgm:spPr/>
      <dgm:t>
        <a:bodyPr/>
        <a:lstStyle/>
        <a:p>
          <a:r>
            <a:rPr lang="en-US"/>
            <a:t>PIC-AS</a:t>
          </a:r>
          <a:endParaRPr lang="LID4096"/>
        </a:p>
      </dgm:t>
    </dgm:pt>
    <dgm:pt modelId="{349EB23C-78CC-41F2-8C60-A9CB2AA234F7}" type="parTrans" cxnId="{A25804BC-C388-41FE-AC78-93F17D8969B0}">
      <dgm:prSet/>
      <dgm:spPr/>
      <dgm:t>
        <a:bodyPr/>
        <a:lstStyle/>
        <a:p>
          <a:endParaRPr lang="LID4096"/>
        </a:p>
      </dgm:t>
    </dgm:pt>
    <dgm:pt modelId="{BF6484BE-7073-4B33-80B7-D651D2ED961A}" type="sibTrans" cxnId="{A25804BC-C388-41FE-AC78-93F17D8969B0}">
      <dgm:prSet/>
      <dgm:spPr/>
      <dgm:t>
        <a:bodyPr/>
        <a:lstStyle/>
        <a:p>
          <a:endParaRPr lang="LID4096"/>
        </a:p>
      </dgm:t>
    </dgm:pt>
    <dgm:pt modelId="{ED09B180-34ED-4E1D-9C03-D896CFAAFB1F}">
      <dgm:prSet phldrT="[Text]"/>
      <dgm:spPr/>
      <dgm:t>
        <a:bodyPr/>
        <a:lstStyle/>
        <a:p>
          <a:r>
            <a:rPr lang="es-MX"/>
            <a:t>Embedded C</a:t>
          </a:r>
          <a:endParaRPr lang="LID4096"/>
        </a:p>
      </dgm:t>
    </dgm:pt>
    <dgm:pt modelId="{77BA19BE-0D96-4045-8FA1-B261E43573F9}" type="parTrans" cxnId="{9D2EED75-2A97-4DD9-8CB7-4B66C3AD0C85}">
      <dgm:prSet/>
      <dgm:spPr/>
      <dgm:t>
        <a:bodyPr/>
        <a:lstStyle/>
        <a:p>
          <a:endParaRPr lang="LID4096"/>
        </a:p>
      </dgm:t>
    </dgm:pt>
    <dgm:pt modelId="{4E63ED1B-68C3-4714-A0FB-5CF89E297880}" type="sibTrans" cxnId="{9D2EED75-2A97-4DD9-8CB7-4B66C3AD0C85}">
      <dgm:prSet/>
      <dgm:spPr/>
      <dgm:t>
        <a:bodyPr/>
        <a:lstStyle/>
        <a:p>
          <a:endParaRPr lang="LID4096"/>
        </a:p>
      </dgm:t>
    </dgm:pt>
    <dgm:pt modelId="{FB24EB02-16D6-42A9-849E-54FF61DB7DD6}">
      <dgm:prSet phldrT="[Text]"/>
      <dgm:spPr/>
      <dgm:t>
        <a:bodyPr/>
        <a:lstStyle/>
        <a:p>
          <a:r>
            <a:rPr lang="es-MX"/>
            <a:t>Hardware</a:t>
          </a:r>
          <a:endParaRPr lang="LID4096"/>
        </a:p>
      </dgm:t>
    </dgm:pt>
    <dgm:pt modelId="{3ABD84E4-D24D-4435-B95E-30D6CE21ABCF}" type="parTrans" cxnId="{8AB9678B-402C-46ED-B55E-12E145E17E67}">
      <dgm:prSet/>
      <dgm:spPr/>
      <dgm:t>
        <a:bodyPr/>
        <a:lstStyle/>
        <a:p>
          <a:endParaRPr lang="LID4096"/>
        </a:p>
      </dgm:t>
    </dgm:pt>
    <dgm:pt modelId="{0BAAB0F3-7631-4CEC-9FD3-C76EB0EF6C8B}" type="sibTrans" cxnId="{8AB9678B-402C-46ED-B55E-12E145E17E67}">
      <dgm:prSet/>
      <dgm:spPr/>
      <dgm:t>
        <a:bodyPr/>
        <a:lstStyle/>
        <a:p>
          <a:endParaRPr lang="LID4096"/>
        </a:p>
      </dgm:t>
    </dgm:pt>
    <dgm:pt modelId="{8DB9A08C-D2E2-4669-9353-0FBFD146B827}">
      <dgm:prSet phldrT="[Text]"/>
      <dgm:spPr/>
      <dgm:t>
        <a:bodyPr/>
        <a:lstStyle/>
        <a:p>
          <a:r>
            <a:rPr lang="en-US"/>
            <a:t>Curiosity Nano Board</a:t>
          </a:r>
          <a:endParaRPr lang="LID4096"/>
        </a:p>
      </dgm:t>
    </dgm:pt>
    <dgm:pt modelId="{0717394E-C0A2-4C85-9ADD-17A324400CF5}" type="parTrans" cxnId="{1C7F6392-00A9-41AA-A559-A2503ED8059B}">
      <dgm:prSet/>
      <dgm:spPr/>
      <dgm:t>
        <a:bodyPr/>
        <a:lstStyle/>
        <a:p>
          <a:endParaRPr lang="LID4096"/>
        </a:p>
      </dgm:t>
    </dgm:pt>
    <dgm:pt modelId="{75033446-3066-414A-93B3-D1FA2D856D20}" type="sibTrans" cxnId="{1C7F6392-00A9-41AA-A559-A2503ED8059B}">
      <dgm:prSet/>
      <dgm:spPr/>
      <dgm:t>
        <a:bodyPr/>
        <a:lstStyle/>
        <a:p>
          <a:endParaRPr lang="LID4096"/>
        </a:p>
      </dgm:t>
    </dgm:pt>
    <dgm:pt modelId="{C2CD1C66-305B-4635-9610-07A6A3C737D6}">
      <dgm:prSet phldrT="[Text]"/>
      <dgm:spPr/>
      <dgm:t>
        <a:bodyPr/>
        <a:lstStyle/>
        <a:p>
          <a:r>
            <a:rPr lang="en-US"/>
            <a:t>GPIO</a:t>
          </a:r>
          <a:endParaRPr lang="LID4096"/>
        </a:p>
      </dgm:t>
    </dgm:pt>
    <dgm:pt modelId="{2500A66B-EDAA-468A-9FD8-BA84EEFD51E2}" type="parTrans" cxnId="{C10DEA20-4ED7-4C0E-8EE2-B8697ADBDD4C}">
      <dgm:prSet/>
      <dgm:spPr/>
      <dgm:t>
        <a:bodyPr/>
        <a:lstStyle/>
        <a:p>
          <a:endParaRPr lang="LID4096"/>
        </a:p>
      </dgm:t>
    </dgm:pt>
    <dgm:pt modelId="{8A2DEA4F-BB63-48EF-AF62-E4231718B2C4}" type="sibTrans" cxnId="{C10DEA20-4ED7-4C0E-8EE2-B8697ADBDD4C}">
      <dgm:prSet/>
      <dgm:spPr/>
      <dgm:t>
        <a:bodyPr/>
        <a:lstStyle/>
        <a:p>
          <a:endParaRPr lang="LID4096"/>
        </a:p>
      </dgm:t>
    </dgm:pt>
    <dgm:pt modelId="{61DBD97D-DE59-4F47-9A9A-5117A24AB01E}">
      <dgm:prSet phldrT="[Text]"/>
      <dgm:spPr/>
      <dgm:t>
        <a:bodyPr/>
        <a:lstStyle/>
        <a:p>
          <a:r>
            <a:rPr lang="es-MX"/>
            <a:t>Expansion Board</a:t>
          </a:r>
          <a:endParaRPr lang="LID4096"/>
        </a:p>
      </dgm:t>
    </dgm:pt>
    <dgm:pt modelId="{AF8847F3-E8C0-4340-93A7-F11BFF32A345}" type="parTrans" cxnId="{00B41A3F-7007-4A70-8809-6CB14F0457B1}">
      <dgm:prSet/>
      <dgm:spPr/>
      <dgm:t>
        <a:bodyPr/>
        <a:lstStyle/>
        <a:p>
          <a:endParaRPr lang="LID4096"/>
        </a:p>
      </dgm:t>
    </dgm:pt>
    <dgm:pt modelId="{DF5D80E8-7FCF-45E4-BB22-6B3934388474}" type="sibTrans" cxnId="{00B41A3F-7007-4A70-8809-6CB14F0457B1}">
      <dgm:prSet/>
      <dgm:spPr/>
      <dgm:t>
        <a:bodyPr/>
        <a:lstStyle/>
        <a:p>
          <a:endParaRPr lang="LID4096"/>
        </a:p>
      </dgm:t>
    </dgm:pt>
    <dgm:pt modelId="{4DA38CE5-A054-4871-9282-224F7AD43684}">
      <dgm:prSet phldrT="[Text]"/>
      <dgm:spPr/>
      <dgm:t>
        <a:bodyPr/>
        <a:lstStyle/>
        <a:p>
          <a:r>
            <a:rPr lang="en-US"/>
            <a:t>Peripherals</a:t>
          </a:r>
          <a:endParaRPr lang="LID4096"/>
        </a:p>
      </dgm:t>
    </dgm:pt>
    <dgm:pt modelId="{6022BAD7-3D89-4F42-BE79-353ACDC1E966}" type="parTrans" cxnId="{ED240758-BB77-4543-A224-F1FFAEE5D3C6}">
      <dgm:prSet/>
      <dgm:spPr/>
      <dgm:t>
        <a:bodyPr/>
        <a:lstStyle/>
        <a:p>
          <a:endParaRPr lang="LID4096"/>
        </a:p>
      </dgm:t>
    </dgm:pt>
    <dgm:pt modelId="{E8EFD127-9CFD-4B5C-A321-46F3389AB8F6}" type="sibTrans" cxnId="{ED240758-BB77-4543-A224-F1FFAEE5D3C6}">
      <dgm:prSet/>
      <dgm:spPr/>
      <dgm:t>
        <a:bodyPr/>
        <a:lstStyle/>
        <a:p>
          <a:endParaRPr lang="LID4096"/>
        </a:p>
      </dgm:t>
    </dgm:pt>
    <dgm:pt modelId="{D087B032-3CA4-482B-9915-6CEE2DE44FF7}">
      <dgm:prSet phldrT="[Text]"/>
      <dgm:spPr/>
      <dgm:t>
        <a:bodyPr/>
        <a:lstStyle/>
        <a:p>
          <a:r>
            <a:rPr lang="en-US"/>
            <a:t>PIC18</a:t>
          </a:r>
          <a:endParaRPr lang="LID4096"/>
        </a:p>
      </dgm:t>
    </dgm:pt>
    <dgm:pt modelId="{753CA05A-52B9-491F-8ACC-29B82ED42453}" type="parTrans" cxnId="{8E699072-F41E-4C19-83AD-BDCBF2396154}">
      <dgm:prSet/>
      <dgm:spPr/>
      <dgm:t>
        <a:bodyPr/>
        <a:lstStyle/>
        <a:p>
          <a:endParaRPr lang="LID4096"/>
        </a:p>
      </dgm:t>
    </dgm:pt>
    <dgm:pt modelId="{8FC75580-4C59-4F25-BB25-A8C078B848D3}" type="sibTrans" cxnId="{8E699072-F41E-4C19-83AD-BDCBF2396154}">
      <dgm:prSet/>
      <dgm:spPr/>
      <dgm:t>
        <a:bodyPr/>
        <a:lstStyle/>
        <a:p>
          <a:endParaRPr lang="LID4096"/>
        </a:p>
      </dgm:t>
    </dgm:pt>
    <dgm:pt modelId="{5F74E934-7309-4CD3-B3E3-5D5402FAA7A8}" type="pres">
      <dgm:prSet presAssocID="{580E5078-C70F-4593-A32C-9CD8A6951CC7}" presName="Name0" presStyleCnt="0">
        <dgm:presLayoutVars>
          <dgm:chPref val="1"/>
          <dgm:dir/>
          <dgm:animOne val="branch"/>
          <dgm:animLvl val="lvl"/>
          <dgm:resizeHandles/>
        </dgm:presLayoutVars>
      </dgm:prSet>
      <dgm:spPr/>
    </dgm:pt>
    <dgm:pt modelId="{AB14F7C7-72F6-48BB-BAD3-F4EABC944160}" type="pres">
      <dgm:prSet presAssocID="{D087B032-3CA4-482B-9915-6CEE2DE44FF7}" presName="vertOne" presStyleCnt="0"/>
      <dgm:spPr/>
    </dgm:pt>
    <dgm:pt modelId="{C3794A6E-D69D-4960-AC9D-9D7BAA36B58E}" type="pres">
      <dgm:prSet presAssocID="{D087B032-3CA4-482B-9915-6CEE2DE44FF7}" presName="txOne" presStyleLbl="node0" presStyleIdx="0" presStyleCnt="1">
        <dgm:presLayoutVars>
          <dgm:chPref val="3"/>
        </dgm:presLayoutVars>
      </dgm:prSet>
      <dgm:spPr/>
    </dgm:pt>
    <dgm:pt modelId="{F46CEA88-8AE9-4CB6-8FCF-ABE8C59F1F14}" type="pres">
      <dgm:prSet presAssocID="{D087B032-3CA4-482B-9915-6CEE2DE44FF7}" presName="parTransOne" presStyleCnt="0"/>
      <dgm:spPr/>
    </dgm:pt>
    <dgm:pt modelId="{471FCA21-7E3F-4679-A5D6-F3706615DA3F}" type="pres">
      <dgm:prSet presAssocID="{D087B032-3CA4-482B-9915-6CEE2DE44FF7}" presName="horzOne" presStyleCnt="0"/>
      <dgm:spPr/>
    </dgm:pt>
    <dgm:pt modelId="{8DCE75C2-2505-40C8-856F-EF24F9A09A98}" type="pres">
      <dgm:prSet presAssocID="{74D9017C-9F11-483E-BE5D-4B2912F739D4}" presName="vertTwo" presStyleCnt="0"/>
      <dgm:spPr/>
    </dgm:pt>
    <dgm:pt modelId="{E1D6B288-D72F-45B8-B9F3-4BBA469FDC05}" type="pres">
      <dgm:prSet presAssocID="{74D9017C-9F11-483E-BE5D-4B2912F739D4}" presName="txTwo" presStyleLbl="node2" presStyleIdx="0" presStyleCnt="1">
        <dgm:presLayoutVars>
          <dgm:chPref val="3"/>
        </dgm:presLayoutVars>
      </dgm:prSet>
      <dgm:spPr/>
    </dgm:pt>
    <dgm:pt modelId="{8C69EDA9-F0B7-46ED-AD04-5BAEE2E6BF37}" type="pres">
      <dgm:prSet presAssocID="{74D9017C-9F11-483E-BE5D-4B2912F739D4}" presName="parTransTwo" presStyleCnt="0"/>
      <dgm:spPr/>
    </dgm:pt>
    <dgm:pt modelId="{4EDC6872-61CB-4E92-9CA3-B85B80458674}" type="pres">
      <dgm:prSet presAssocID="{74D9017C-9F11-483E-BE5D-4B2912F739D4}" presName="horzTwo" presStyleCnt="0"/>
      <dgm:spPr/>
    </dgm:pt>
    <dgm:pt modelId="{54C8FF9F-A7A0-413F-9665-C27729BF2389}" type="pres">
      <dgm:prSet presAssocID="{7ED20F4F-85B3-4B6E-BAFB-FCA3CEB6E8F2}" presName="vertThree" presStyleCnt="0"/>
      <dgm:spPr/>
    </dgm:pt>
    <dgm:pt modelId="{30B571F3-2183-471A-8AA8-823BD3FF7BE2}" type="pres">
      <dgm:prSet presAssocID="{7ED20F4F-85B3-4B6E-BAFB-FCA3CEB6E8F2}" presName="txThree" presStyleLbl="node3" presStyleIdx="0" presStyleCnt="2">
        <dgm:presLayoutVars>
          <dgm:chPref val="3"/>
        </dgm:presLayoutVars>
      </dgm:prSet>
      <dgm:spPr/>
    </dgm:pt>
    <dgm:pt modelId="{B1DB4500-DEB0-429D-B252-4822CFFCB3A2}" type="pres">
      <dgm:prSet presAssocID="{7ED20F4F-85B3-4B6E-BAFB-FCA3CEB6E8F2}" presName="parTransThree" presStyleCnt="0"/>
      <dgm:spPr/>
    </dgm:pt>
    <dgm:pt modelId="{8EE83CBE-BB1C-4B40-B3B9-4B2946DBF004}" type="pres">
      <dgm:prSet presAssocID="{7ED20F4F-85B3-4B6E-BAFB-FCA3CEB6E8F2}" presName="horzThree" presStyleCnt="0"/>
      <dgm:spPr/>
    </dgm:pt>
    <dgm:pt modelId="{4C1960FC-B6E8-4E84-860D-2EBFD145347D}" type="pres">
      <dgm:prSet presAssocID="{825C1B96-E1CF-4526-943F-B98D63725B1A}" presName="vertFour" presStyleCnt="0">
        <dgm:presLayoutVars>
          <dgm:chPref val="3"/>
        </dgm:presLayoutVars>
      </dgm:prSet>
      <dgm:spPr/>
    </dgm:pt>
    <dgm:pt modelId="{D7731198-C3F6-4F57-AC11-6628CD11609F}" type="pres">
      <dgm:prSet presAssocID="{825C1B96-E1CF-4526-943F-B98D63725B1A}" presName="txFour" presStyleLbl="node4" presStyleIdx="0" presStyleCnt="7">
        <dgm:presLayoutVars>
          <dgm:chPref val="3"/>
        </dgm:presLayoutVars>
      </dgm:prSet>
      <dgm:spPr/>
    </dgm:pt>
    <dgm:pt modelId="{003BE775-86D0-4298-AC5D-383C706D1E46}" type="pres">
      <dgm:prSet presAssocID="{825C1B96-E1CF-4526-943F-B98D63725B1A}" presName="parTransFour" presStyleCnt="0"/>
      <dgm:spPr/>
    </dgm:pt>
    <dgm:pt modelId="{26E1FAB5-B15A-4E4D-87F8-E33EBA6A1A8B}" type="pres">
      <dgm:prSet presAssocID="{825C1B96-E1CF-4526-943F-B98D63725B1A}" presName="horzFour" presStyleCnt="0"/>
      <dgm:spPr/>
    </dgm:pt>
    <dgm:pt modelId="{2F46421F-C032-4098-8356-096ABC5D4FB7}" type="pres">
      <dgm:prSet presAssocID="{D13B79D7-34D6-414B-AA7F-3F2737812F2B}" presName="vertFour" presStyleCnt="0">
        <dgm:presLayoutVars>
          <dgm:chPref val="3"/>
        </dgm:presLayoutVars>
      </dgm:prSet>
      <dgm:spPr/>
    </dgm:pt>
    <dgm:pt modelId="{A430DF41-DFFD-4B99-826F-603D8145FB92}" type="pres">
      <dgm:prSet presAssocID="{D13B79D7-34D6-414B-AA7F-3F2737812F2B}" presName="txFour" presStyleLbl="node4" presStyleIdx="1" presStyleCnt="7">
        <dgm:presLayoutVars>
          <dgm:chPref val="3"/>
        </dgm:presLayoutVars>
      </dgm:prSet>
      <dgm:spPr/>
    </dgm:pt>
    <dgm:pt modelId="{C867F91B-C3E1-40CF-B0A8-90808FCADC34}" type="pres">
      <dgm:prSet presAssocID="{D13B79D7-34D6-414B-AA7F-3F2737812F2B}" presName="horzFour" presStyleCnt="0"/>
      <dgm:spPr/>
    </dgm:pt>
    <dgm:pt modelId="{BEAE79FA-7763-4B78-88CC-CE52FF412D13}" type="pres">
      <dgm:prSet presAssocID="{BF6484BE-7073-4B33-80B7-D651D2ED961A}" presName="sibSpaceFour" presStyleCnt="0"/>
      <dgm:spPr/>
    </dgm:pt>
    <dgm:pt modelId="{7561F1F7-B078-4FAE-9B21-E464A62B5381}" type="pres">
      <dgm:prSet presAssocID="{ED09B180-34ED-4E1D-9C03-D896CFAAFB1F}" presName="vertFour" presStyleCnt="0">
        <dgm:presLayoutVars>
          <dgm:chPref val="3"/>
        </dgm:presLayoutVars>
      </dgm:prSet>
      <dgm:spPr/>
    </dgm:pt>
    <dgm:pt modelId="{301718DD-CC38-43D5-9B67-6130483D1161}" type="pres">
      <dgm:prSet presAssocID="{ED09B180-34ED-4E1D-9C03-D896CFAAFB1F}" presName="txFour" presStyleLbl="node4" presStyleIdx="2" presStyleCnt="7">
        <dgm:presLayoutVars>
          <dgm:chPref val="3"/>
        </dgm:presLayoutVars>
      </dgm:prSet>
      <dgm:spPr/>
    </dgm:pt>
    <dgm:pt modelId="{E8BD3BCA-C68F-4272-B516-535372E0E7B9}" type="pres">
      <dgm:prSet presAssocID="{ED09B180-34ED-4E1D-9C03-D896CFAAFB1F}" presName="horzFour" presStyleCnt="0"/>
      <dgm:spPr/>
    </dgm:pt>
    <dgm:pt modelId="{4878B706-868C-45C7-A0DD-1621CB6AC816}" type="pres">
      <dgm:prSet presAssocID="{51AD7980-DEC0-44E3-BF79-7E5F43546C66}" presName="sibSpaceThree" presStyleCnt="0"/>
      <dgm:spPr/>
    </dgm:pt>
    <dgm:pt modelId="{8F059A22-2C2A-4D99-9351-EC65DABAE27C}" type="pres">
      <dgm:prSet presAssocID="{FB24EB02-16D6-42A9-849E-54FF61DB7DD6}" presName="vertThree" presStyleCnt="0"/>
      <dgm:spPr/>
    </dgm:pt>
    <dgm:pt modelId="{7BF50648-C2EF-45FD-A35D-42F0EB41A404}" type="pres">
      <dgm:prSet presAssocID="{FB24EB02-16D6-42A9-849E-54FF61DB7DD6}" presName="txThree" presStyleLbl="node3" presStyleIdx="1" presStyleCnt="2">
        <dgm:presLayoutVars>
          <dgm:chPref val="3"/>
        </dgm:presLayoutVars>
      </dgm:prSet>
      <dgm:spPr/>
    </dgm:pt>
    <dgm:pt modelId="{1F9B8A00-A691-4228-BB18-AC1B30C49B94}" type="pres">
      <dgm:prSet presAssocID="{FB24EB02-16D6-42A9-849E-54FF61DB7DD6}" presName="parTransThree" presStyleCnt="0"/>
      <dgm:spPr/>
    </dgm:pt>
    <dgm:pt modelId="{0C8DDF08-EFB0-49DF-8214-D5C9B57A3103}" type="pres">
      <dgm:prSet presAssocID="{FB24EB02-16D6-42A9-849E-54FF61DB7DD6}" presName="horzThree" presStyleCnt="0"/>
      <dgm:spPr/>
    </dgm:pt>
    <dgm:pt modelId="{78811F69-AF8C-4F41-85E6-2545BD6DED9E}" type="pres">
      <dgm:prSet presAssocID="{8DB9A08C-D2E2-4669-9353-0FBFD146B827}" presName="vertFour" presStyleCnt="0">
        <dgm:presLayoutVars>
          <dgm:chPref val="3"/>
        </dgm:presLayoutVars>
      </dgm:prSet>
      <dgm:spPr/>
    </dgm:pt>
    <dgm:pt modelId="{2ECF81A9-2F18-4CE4-B21A-47AE8EDE9887}" type="pres">
      <dgm:prSet presAssocID="{8DB9A08C-D2E2-4669-9353-0FBFD146B827}" presName="txFour" presStyleLbl="node4" presStyleIdx="3" presStyleCnt="7">
        <dgm:presLayoutVars>
          <dgm:chPref val="3"/>
        </dgm:presLayoutVars>
      </dgm:prSet>
      <dgm:spPr/>
    </dgm:pt>
    <dgm:pt modelId="{5B715B05-942B-4A0B-9661-DD81BB9E6FED}" type="pres">
      <dgm:prSet presAssocID="{8DB9A08C-D2E2-4669-9353-0FBFD146B827}" presName="parTransFour" presStyleCnt="0"/>
      <dgm:spPr/>
    </dgm:pt>
    <dgm:pt modelId="{9916279B-8DE6-4F23-ADB7-1C5DECBB9778}" type="pres">
      <dgm:prSet presAssocID="{8DB9A08C-D2E2-4669-9353-0FBFD146B827}" presName="horzFour" presStyleCnt="0"/>
      <dgm:spPr/>
    </dgm:pt>
    <dgm:pt modelId="{FB9BBED3-65F6-4EC6-9FF8-0F61359E16D0}" type="pres">
      <dgm:prSet presAssocID="{C2CD1C66-305B-4635-9610-07A6A3C737D6}" presName="vertFour" presStyleCnt="0">
        <dgm:presLayoutVars>
          <dgm:chPref val="3"/>
        </dgm:presLayoutVars>
      </dgm:prSet>
      <dgm:spPr/>
    </dgm:pt>
    <dgm:pt modelId="{ADA84871-D302-4BC9-AB06-906CAF35C796}" type="pres">
      <dgm:prSet presAssocID="{C2CD1C66-305B-4635-9610-07A6A3C737D6}" presName="txFour" presStyleLbl="node4" presStyleIdx="4" presStyleCnt="7">
        <dgm:presLayoutVars>
          <dgm:chPref val="3"/>
        </dgm:presLayoutVars>
      </dgm:prSet>
      <dgm:spPr/>
    </dgm:pt>
    <dgm:pt modelId="{CE522BBB-E980-4455-88A0-9DE1324629FB}" type="pres">
      <dgm:prSet presAssocID="{C2CD1C66-305B-4635-9610-07A6A3C737D6}" presName="horzFour" presStyleCnt="0"/>
      <dgm:spPr/>
    </dgm:pt>
    <dgm:pt modelId="{11DF2E9F-F437-43A2-A8F9-64B1D2C04248}" type="pres">
      <dgm:prSet presAssocID="{75033446-3066-414A-93B3-D1FA2D856D20}" presName="sibSpaceFour" presStyleCnt="0"/>
      <dgm:spPr/>
    </dgm:pt>
    <dgm:pt modelId="{9BD4D401-E436-4512-82A0-6B26F63A8A24}" type="pres">
      <dgm:prSet presAssocID="{61DBD97D-DE59-4F47-9A9A-5117A24AB01E}" presName="vertFour" presStyleCnt="0">
        <dgm:presLayoutVars>
          <dgm:chPref val="3"/>
        </dgm:presLayoutVars>
      </dgm:prSet>
      <dgm:spPr/>
    </dgm:pt>
    <dgm:pt modelId="{A799CF32-9614-4105-B8D7-B221D068B18D}" type="pres">
      <dgm:prSet presAssocID="{61DBD97D-DE59-4F47-9A9A-5117A24AB01E}" presName="txFour" presStyleLbl="node4" presStyleIdx="5" presStyleCnt="7">
        <dgm:presLayoutVars>
          <dgm:chPref val="3"/>
        </dgm:presLayoutVars>
      </dgm:prSet>
      <dgm:spPr/>
    </dgm:pt>
    <dgm:pt modelId="{856DDDA3-771E-43EC-B0F8-7056D487127B}" type="pres">
      <dgm:prSet presAssocID="{61DBD97D-DE59-4F47-9A9A-5117A24AB01E}" presName="parTransFour" presStyleCnt="0"/>
      <dgm:spPr/>
    </dgm:pt>
    <dgm:pt modelId="{57FC4089-657C-42D3-AB2D-F0CA4A625730}" type="pres">
      <dgm:prSet presAssocID="{61DBD97D-DE59-4F47-9A9A-5117A24AB01E}" presName="horzFour" presStyleCnt="0"/>
      <dgm:spPr/>
    </dgm:pt>
    <dgm:pt modelId="{6E071071-37A5-45D4-A834-9E72568E376A}" type="pres">
      <dgm:prSet presAssocID="{4DA38CE5-A054-4871-9282-224F7AD43684}" presName="vertFour" presStyleCnt="0">
        <dgm:presLayoutVars>
          <dgm:chPref val="3"/>
        </dgm:presLayoutVars>
      </dgm:prSet>
      <dgm:spPr/>
    </dgm:pt>
    <dgm:pt modelId="{F58A4BCC-3A47-448F-8C11-3FC23FAAC339}" type="pres">
      <dgm:prSet presAssocID="{4DA38CE5-A054-4871-9282-224F7AD43684}" presName="txFour" presStyleLbl="node4" presStyleIdx="6" presStyleCnt="7">
        <dgm:presLayoutVars>
          <dgm:chPref val="3"/>
        </dgm:presLayoutVars>
      </dgm:prSet>
      <dgm:spPr/>
    </dgm:pt>
    <dgm:pt modelId="{00EE460B-0035-4732-88B6-5B87A50899AB}" type="pres">
      <dgm:prSet presAssocID="{4DA38CE5-A054-4871-9282-224F7AD43684}" presName="horzFour" presStyleCnt="0"/>
      <dgm:spPr/>
    </dgm:pt>
  </dgm:ptLst>
  <dgm:cxnLst>
    <dgm:cxn modelId="{EFE3BE07-9D81-42C1-99EF-BA4B0CFD9EA8}" type="presOf" srcId="{61DBD97D-DE59-4F47-9A9A-5117A24AB01E}" destId="{A799CF32-9614-4105-B8D7-B221D068B18D}" srcOrd="0" destOrd="0" presId="urn:microsoft.com/office/officeart/2005/8/layout/architecture"/>
    <dgm:cxn modelId="{9972CA0E-4A1E-41BE-AC53-8DB98933EFA4}" type="presOf" srcId="{C2CD1C66-305B-4635-9610-07A6A3C737D6}" destId="{ADA84871-D302-4BC9-AB06-906CAF35C796}" srcOrd="0" destOrd="0" presId="urn:microsoft.com/office/officeart/2005/8/layout/architecture"/>
    <dgm:cxn modelId="{74BFEC12-7832-4428-B87C-43713E6E5035}" type="presOf" srcId="{8DB9A08C-D2E2-4669-9353-0FBFD146B827}" destId="{2ECF81A9-2F18-4CE4-B21A-47AE8EDE9887}" srcOrd="0" destOrd="0" presId="urn:microsoft.com/office/officeart/2005/8/layout/architecture"/>
    <dgm:cxn modelId="{C10DEA20-4ED7-4C0E-8EE2-B8697ADBDD4C}" srcId="{8DB9A08C-D2E2-4669-9353-0FBFD146B827}" destId="{C2CD1C66-305B-4635-9610-07A6A3C737D6}" srcOrd="0" destOrd="0" parTransId="{2500A66B-EDAA-468A-9FD8-BA84EEFD51E2}" sibTransId="{8A2DEA4F-BB63-48EF-AF62-E4231718B2C4}"/>
    <dgm:cxn modelId="{23033B29-446D-4C16-80F7-C6B9711FE575}" type="presOf" srcId="{580E5078-C70F-4593-A32C-9CD8A6951CC7}" destId="{5F74E934-7309-4CD3-B3E3-5D5402FAA7A8}" srcOrd="0" destOrd="0" presId="urn:microsoft.com/office/officeart/2005/8/layout/architecture"/>
    <dgm:cxn modelId="{EC9D3F39-BAD2-4FA4-BC33-C2EA90DAD425}" type="presOf" srcId="{74D9017C-9F11-483E-BE5D-4B2912F739D4}" destId="{E1D6B288-D72F-45B8-B9F3-4BBA469FDC05}" srcOrd="0" destOrd="0" presId="urn:microsoft.com/office/officeart/2005/8/layout/architecture"/>
    <dgm:cxn modelId="{00B41A3F-7007-4A70-8809-6CB14F0457B1}" srcId="{FB24EB02-16D6-42A9-849E-54FF61DB7DD6}" destId="{61DBD97D-DE59-4F47-9A9A-5117A24AB01E}" srcOrd="1" destOrd="0" parTransId="{AF8847F3-E8C0-4340-93A7-F11BFF32A345}" sibTransId="{DF5D80E8-7FCF-45E4-BB22-6B3934388474}"/>
    <dgm:cxn modelId="{133EBF5D-FABB-4514-B9EE-32C768194798}" type="presOf" srcId="{FB24EB02-16D6-42A9-849E-54FF61DB7DD6}" destId="{7BF50648-C2EF-45FD-A35D-42F0EB41A404}" srcOrd="0" destOrd="0" presId="urn:microsoft.com/office/officeart/2005/8/layout/architecture"/>
    <dgm:cxn modelId="{8E699072-F41E-4C19-83AD-BDCBF2396154}" srcId="{580E5078-C70F-4593-A32C-9CD8A6951CC7}" destId="{D087B032-3CA4-482B-9915-6CEE2DE44FF7}" srcOrd="0" destOrd="0" parTransId="{753CA05A-52B9-491F-8ACC-29B82ED42453}" sibTransId="{8FC75580-4C59-4F25-BB25-A8C078B848D3}"/>
    <dgm:cxn modelId="{E661A675-6863-4A93-9AEF-B7B747352958}" type="presOf" srcId="{825C1B96-E1CF-4526-943F-B98D63725B1A}" destId="{D7731198-C3F6-4F57-AC11-6628CD11609F}" srcOrd="0" destOrd="0" presId="urn:microsoft.com/office/officeart/2005/8/layout/architecture"/>
    <dgm:cxn modelId="{9D2EED75-2A97-4DD9-8CB7-4B66C3AD0C85}" srcId="{825C1B96-E1CF-4526-943F-B98D63725B1A}" destId="{ED09B180-34ED-4E1D-9C03-D896CFAAFB1F}" srcOrd="1" destOrd="0" parTransId="{77BA19BE-0D96-4045-8FA1-B261E43573F9}" sibTransId="{4E63ED1B-68C3-4714-A0FB-5CF89E297880}"/>
    <dgm:cxn modelId="{ED240758-BB77-4543-A224-F1FFAEE5D3C6}" srcId="{61DBD97D-DE59-4F47-9A9A-5117A24AB01E}" destId="{4DA38CE5-A054-4871-9282-224F7AD43684}" srcOrd="0" destOrd="0" parTransId="{6022BAD7-3D89-4F42-BE79-353ACDC1E966}" sibTransId="{E8EFD127-9CFD-4B5C-A321-46F3389AB8F6}"/>
    <dgm:cxn modelId="{8AB9678B-402C-46ED-B55E-12E145E17E67}" srcId="{74D9017C-9F11-483E-BE5D-4B2912F739D4}" destId="{FB24EB02-16D6-42A9-849E-54FF61DB7DD6}" srcOrd="1" destOrd="0" parTransId="{3ABD84E4-D24D-4435-B95E-30D6CE21ABCF}" sibTransId="{0BAAB0F3-7631-4CEC-9FD3-C76EB0EF6C8B}"/>
    <dgm:cxn modelId="{1C7F6392-00A9-41AA-A559-A2503ED8059B}" srcId="{FB24EB02-16D6-42A9-849E-54FF61DB7DD6}" destId="{8DB9A08C-D2E2-4669-9353-0FBFD146B827}" srcOrd="0" destOrd="0" parTransId="{0717394E-C0A2-4C85-9ADD-17A324400CF5}" sibTransId="{75033446-3066-414A-93B3-D1FA2D856D20}"/>
    <dgm:cxn modelId="{DCCD469C-ED78-4FE2-A39F-79250095E4D5}" type="presOf" srcId="{4DA38CE5-A054-4871-9282-224F7AD43684}" destId="{F58A4BCC-3A47-448F-8C11-3FC23FAAC339}" srcOrd="0" destOrd="0" presId="urn:microsoft.com/office/officeart/2005/8/layout/architecture"/>
    <dgm:cxn modelId="{48690AA6-ED9C-4D68-93CF-A1FFD0283442}" srcId="{74D9017C-9F11-483E-BE5D-4B2912F739D4}" destId="{7ED20F4F-85B3-4B6E-BAFB-FCA3CEB6E8F2}" srcOrd="0" destOrd="0" parTransId="{3CFB5954-129E-4645-96E2-C04643CBF994}" sibTransId="{51AD7980-DEC0-44E3-BF79-7E5F43546C66}"/>
    <dgm:cxn modelId="{04B87BBA-DB43-4BFF-824B-C012554C2717}" type="presOf" srcId="{ED09B180-34ED-4E1D-9C03-D896CFAAFB1F}" destId="{301718DD-CC38-43D5-9B67-6130483D1161}" srcOrd="0" destOrd="0" presId="urn:microsoft.com/office/officeart/2005/8/layout/architecture"/>
    <dgm:cxn modelId="{A25804BC-C388-41FE-AC78-93F17D8969B0}" srcId="{825C1B96-E1CF-4526-943F-B98D63725B1A}" destId="{D13B79D7-34D6-414B-AA7F-3F2737812F2B}" srcOrd="0" destOrd="0" parTransId="{349EB23C-78CC-41F2-8C60-A9CB2AA234F7}" sibTransId="{BF6484BE-7073-4B33-80B7-D651D2ED961A}"/>
    <dgm:cxn modelId="{989EEFBD-DCD2-4D72-B953-78FE528F65D8}" type="presOf" srcId="{D13B79D7-34D6-414B-AA7F-3F2737812F2B}" destId="{A430DF41-DFFD-4B99-826F-603D8145FB92}" srcOrd="0" destOrd="0" presId="urn:microsoft.com/office/officeart/2005/8/layout/architecture"/>
    <dgm:cxn modelId="{4555F7BE-630B-442C-BFB8-2E0ED28132C8}" srcId="{7ED20F4F-85B3-4B6E-BAFB-FCA3CEB6E8F2}" destId="{825C1B96-E1CF-4526-943F-B98D63725B1A}" srcOrd="0" destOrd="0" parTransId="{6B0850D1-EB6E-41BF-AA80-DE74A5868D52}" sibTransId="{A6E4F99C-F2C8-4CB4-9AB3-DA4B7C33BD75}"/>
    <dgm:cxn modelId="{B19A74CF-5935-45F6-91E0-FB06E50A0C12}" srcId="{D087B032-3CA4-482B-9915-6CEE2DE44FF7}" destId="{74D9017C-9F11-483E-BE5D-4B2912F739D4}" srcOrd="0" destOrd="0" parTransId="{C28B4FFD-BA0C-4D2B-8B52-6880289A8E70}" sibTransId="{40C61992-F1FB-4A5F-B300-7E9F9D3424E8}"/>
    <dgm:cxn modelId="{DFDDD0DE-76FA-4264-8BC7-8164178608AC}" type="presOf" srcId="{D087B032-3CA4-482B-9915-6CEE2DE44FF7}" destId="{C3794A6E-D69D-4960-AC9D-9D7BAA36B58E}" srcOrd="0" destOrd="0" presId="urn:microsoft.com/office/officeart/2005/8/layout/architecture"/>
    <dgm:cxn modelId="{D7F630FB-2B36-4965-98BC-BB027BE379F1}" type="presOf" srcId="{7ED20F4F-85B3-4B6E-BAFB-FCA3CEB6E8F2}" destId="{30B571F3-2183-471A-8AA8-823BD3FF7BE2}" srcOrd="0" destOrd="0" presId="urn:microsoft.com/office/officeart/2005/8/layout/architecture"/>
    <dgm:cxn modelId="{30737D7D-5229-44A3-8E70-5FD8CDC2ACE0}" type="presParOf" srcId="{5F74E934-7309-4CD3-B3E3-5D5402FAA7A8}" destId="{AB14F7C7-72F6-48BB-BAD3-F4EABC944160}" srcOrd="0" destOrd="0" presId="urn:microsoft.com/office/officeart/2005/8/layout/architecture"/>
    <dgm:cxn modelId="{DF4E7E7F-121B-4640-BF96-B0A1F43104CC}" type="presParOf" srcId="{AB14F7C7-72F6-48BB-BAD3-F4EABC944160}" destId="{C3794A6E-D69D-4960-AC9D-9D7BAA36B58E}" srcOrd="0" destOrd="0" presId="urn:microsoft.com/office/officeart/2005/8/layout/architecture"/>
    <dgm:cxn modelId="{564C9A2F-70FE-49C6-9F5D-A191514F2AE1}" type="presParOf" srcId="{AB14F7C7-72F6-48BB-BAD3-F4EABC944160}" destId="{F46CEA88-8AE9-4CB6-8FCF-ABE8C59F1F14}" srcOrd="1" destOrd="0" presId="urn:microsoft.com/office/officeart/2005/8/layout/architecture"/>
    <dgm:cxn modelId="{ED33AC43-ABF7-4560-9A2D-52BA2C5BB462}" type="presParOf" srcId="{AB14F7C7-72F6-48BB-BAD3-F4EABC944160}" destId="{471FCA21-7E3F-4679-A5D6-F3706615DA3F}" srcOrd="2" destOrd="0" presId="urn:microsoft.com/office/officeart/2005/8/layout/architecture"/>
    <dgm:cxn modelId="{0087AA56-18C4-4E2E-8E28-E70F23AC4FB2}" type="presParOf" srcId="{471FCA21-7E3F-4679-A5D6-F3706615DA3F}" destId="{8DCE75C2-2505-40C8-856F-EF24F9A09A98}" srcOrd="0" destOrd="0" presId="urn:microsoft.com/office/officeart/2005/8/layout/architecture"/>
    <dgm:cxn modelId="{1129BC63-53BD-43DC-A91D-04625B416B29}" type="presParOf" srcId="{8DCE75C2-2505-40C8-856F-EF24F9A09A98}" destId="{E1D6B288-D72F-45B8-B9F3-4BBA469FDC05}" srcOrd="0" destOrd="0" presId="urn:microsoft.com/office/officeart/2005/8/layout/architecture"/>
    <dgm:cxn modelId="{C127FAD8-C2A1-4D68-BB22-8B1C99433515}" type="presParOf" srcId="{8DCE75C2-2505-40C8-856F-EF24F9A09A98}" destId="{8C69EDA9-F0B7-46ED-AD04-5BAEE2E6BF37}" srcOrd="1" destOrd="0" presId="urn:microsoft.com/office/officeart/2005/8/layout/architecture"/>
    <dgm:cxn modelId="{F300D8F6-97E3-4781-B901-00FC5F071723}" type="presParOf" srcId="{8DCE75C2-2505-40C8-856F-EF24F9A09A98}" destId="{4EDC6872-61CB-4E92-9CA3-B85B80458674}" srcOrd="2" destOrd="0" presId="urn:microsoft.com/office/officeart/2005/8/layout/architecture"/>
    <dgm:cxn modelId="{C049AF7A-588A-496C-8932-C86C1833BFE6}" type="presParOf" srcId="{4EDC6872-61CB-4E92-9CA3-B85B80458674}" destId="{54C8FF9F-A7A0-413F-9665-C27729BF2389}" srcOrd="0" destOrd="0" presId="urn:microsoft.com/office/officeart/2005/8/layout/architecture"/>
    <dgm:cxn modelId="{3E48BE4E-6D14-4F33-AF52-B2CB619EE7B3}" type="presParOf" srcId="{54C8FF9F-A7A0-413F-9665-C27729BF2389}" destId="{30B571F3-2183-471A-8AA8-823BD3FF7BE2}" srcOrd="0" destOrd="0" presId="urn:microsoft.com/office/officeart/2005/8/layout/architecture"/>
    <dgm:cxn modelId="{8E9DE1F8-706B-4B49-8233-1CA36171C113}" type="presParOf" srcId="{54C8FF9F-A7A0-413F-9665-C27729BF2389}" destId="{B1DB4500-DEB0-429D-B252-4822CFFCB3A2}" srcOrd="1" destOrd="0" presId="urn:microsoft.com/office/officeart/2005/8/layout/architecture"/>
    <dgm:cxn modelId="{AA6A58AF-F33C-4C18-B47D-1D54E7FA3A76}" type="presParOf" srcId="{54C8FF9F-A7A0-413F-9665-C27729BF2389}" destId="{8EE83CBE-BB1C-4B40-B3B9-4B2946DBF004}" srcOrd="2" destOrd="0" presId="urn:microsoft.com/office/officeart/2005/8/layout/architecture"/>
    <dgm:cxn modelId="{9F3D146A-1CAA-470C-9116-546B552B0AA3}" type="presParOf" srcId="{8EE83CBE-BB1C-4B40-B3B9-4B2946DBF004}" destId="{4C1960FC-B6E8-4E84-860D-2EBFD145347D}" srcOrd="0" destOrd="0" presId="urn:microsoft.com/office/officeart/2005/8/layout/architecture"/>
    <dgm:cxn modelId="{917C455C-2412-4759-BE5D-8FB309551367}" type="presParOf" srcId="{4C1960FC-B6E8-4E84-860D-2EBFD145347D}" destId="{D7731198-C3F6-4F57-AC11-6628CD11609F}" srcOrd="0" destOrd="0" presId="urn:microsoft.com/office/officeart/2005/8/layout/architecture"/>
    <dgm:cxn modelId="{36A4D429-AAC8-47F1-BBB2-4D10427E3E6D}" type="presParOf" srcId="{4C1960FC-B6E8-4E84-860D-2EBFD145347D}" destId="{003BE775-86D0-4298-AC5D-383C706D1E46}" srcOrd="1" destOrd="0" presId="urn:microsoft.com/office/officeart/2005/8/layout/architecture"/>
    <dgm:cxn modelId="{D53F7483-F55D-4009-A77E-51F91EB6F22D}" type="presParOf" srcId="{4C1960FC-B6E8-4E84-860D-2EBFD145347D}" destId="{26E1FAB5-B15A-4E4D-87F8-E33EBA6A1A8B}" srcOrd="2" destOrd="0" presId="urn:microsoft.com/office/officeart/2005/8/layout/architecture"/>
    <dgm:cxn modelId="{ADC640D5-663E-491E-B8D9-8974DDC4C7D8}" type="presParOf" srcId="{26E1FAB5-B15A-4E4D-87F8-E33EBA6A1A8B}" destId="{2F46421F-C032-4098-8356-096ABC5D4FB7}" srcOrd="0" destOrd="0" presId="urn:microsoft.com/office/officeart/2005/8/layout/architecture"/>
    <dgm:cxn modelId="{B7F32FE2-F388-4E99-9857-E32B23F1BE4B}" type="presParOf" srcId="{2F46421F-C032-4098-8356-096ABC5D4FB7}" destId="{A430DF41-DFFD-4B99-826F-603D8145FB92}" srcOrd="0" destOrd="0" presId="urn:microsoft.com/office/officeart/2005/8/layout/architecture"/>
    <dgm:cxn modelId="{B1AFBC65-147B-40BA-83BE-51E8F5EC0FB6}" type="presParOf" srcId="{2F46421F-C032-4098-8356-096ABC5D4FB7}" destId="{C867F91B-C3E1-40CF-B0A8-90808FCADC34}" srcOrd="1" destOrd="0" presId="urn:microsoft.com/office/officeart/2005/8/layout/architecture"/>
    <dgm:cxn modelId="{4637B990-468F-4511-B32B-51B21DB38FE9}" type="presParOf" srcId="{26E1FAB5-B15A-4E4D-87F8-E33EBA6A1A8B}" destId="{BEAE79FA-7763-4B78-88CC-CE52FF412D13}" srcOrd="1" destOrd="0" presId="urn:microsoft.com/office/officeart/2005/8/layout/architecture"/>
    <dgm:cxn modelId="{24ADF724-CD47-489C-BCCE-7F20BE7C4275}" type="presParOf" srcId="{26E1FAB5-B15A-4E4D-87F8-E33EBA6A1A8B}" destId="{7561F1F7-B078-4FAE-9B21-E464A62B5381}" srcOrd="2" destOrd="0" presId="urn:microsoft.com/office/officeart/2005/8/layout/architecture"/>
    <dgm:cxn modelId="{B6575FC5-23F3-432F-8AA1-737B7ABB49DD}" type="presParOf" srcId="{7561F1F7-B078-4FAE-9B21-E464A62B5381}" destId="{301718DD-CC38-43D5-9B67-6130483D1161}" srcOrd="0" destOrd="0" presId="urn:microsoft.com/office/officeart/2005/8/layout/architecture"/>
    <dgm:cxn modelId="{DA2945E6-073A-4CCB-AB25-051264697CDC}" type="presParOf" srcId="{7561F1F7-B078-4FAE-9B21-E464A62B5381}" destId="{E8BD3BCA-C68F-4272-B516-535372E0E7B9}" srcOrd="1" destOrd="0" presId="urn:microsoft.com/office/officeart/2005/8/layout/architecture"/>
    <dgm:cxn modelId="{128975AB-CE7D-4EA2-B3DF-19BA13265FBB}" type="presParOf" srcId="{4EDC6872-61CB-4E92-9CA3-B85B80458674}" destId="{4878B706-868C-45C7-A0DD-1621CB6AC816}" srcOrd="1" destOrd="0" presId="urn:microsoft.com/office/officeart/2005/8/layout/architecture"/>
    <dgm:cxn modelId="{9F4DD78C-FB39-4868-8C8C-A018290DF33B}" type="presParOf" srcId="{4EDC6872-61CB-4E92-9CA3-B85B80458674}" destId="{8F059A22-2C2A-4D99-9351-EC65DABAE27C}" srcOrd="2" destOrd="0" presId="urn:microsoft.com/office/officeart/2005/8/layout/architecture"/>
    <dgm:cxn modelId="{81210316-6713-4E13-AB06-BB180F61D59D}" type="presParOf" srcId="{8F059A22-2C2A-4D99-9351-EC65DABAE27C}" destId="{7BF50648-C2EF-45FD-A35D-42F0EB41A404}" srcOrd="0" destOrd="0" presId="urn:microsoft.com/office/officeart/2005/8/layout/architecture"/>
    <dgm:cxn modelId="{694F92A3-52C7-4ADE-844C-6828F731B12A}" type="presParOf" srcId="{8F059A22-2C2A-4D99-9351-EC65DABAE27C}" destId="{1F9B8A00-A691-4228-BB18-AC1B30C49B94}" srcOrd="1" destOrd="0" presId="urn:microsoft.com/office/officeart/2005/8/layout/architecture"/>
    <dgm:cxn modelId="{27CDA171-0BF2-4473-8C1B-E12BC941F11A}" type="presParOf" srcId="{8F059A22-2C2A-4D99-9351-EC65DABAE27C}" destId="{0C8DDF08-EFB0-49DF-8214-D5C9B57A3103}" srcOrd="2" destOrd="0" presId="urn:microsoft.com/office/officeart/2005/8/layout/architecture"/>
    <dgm:cxn modelId="{E7BE8935-4DF2-4E7D-BF21-18EF523F56DE}" type="presParOf" srcId="{0C8DDF08-EFB0-49DF-8214-D5C9B57A3103}" destId="{78811F69-AF8C-4F41-85E6-2545BD6DED9E}" srcOrd="0" destOrd="0" presId="urn:microsoft.com/office/officeart/2005/8/layout/architecture"/>
    <dgm:cxn modelId="{E2F0B5F5-EB5A-4822-97C5-5FEAD6C55239}" type="presParOf" srcId="{78811F69-AF8C-4F41-85E6-2545BD6DED9E}" destId="{2ECF81A9-2F18-4CE4-B21A-47AE8EDE9887}" srcOrd="0" destOrd="0" presId="urn:microsoft.com/office/officeart/2005/8/layout/architecture"/>
    <dgm:cxn modelId="{55EC5ABC-E30D-47DF-A4C1-605740D527BC}" type="presParOf" srcId="{78811F69-AF8C-4F41-85E6-2545BD6DED9E}" destId="{5B715B05-942B-4A0B-9661-DD81BB9E6FED}" srcOrd="1" destOrd="0" presId="urn:microsoft.com/office/officeart/2005/8/layout/architecture"/>
    <dgm:cxn modelId="{32786718-2EA3-4EC1-85A9-425FF7CAD739}" type="presParOf" srcId="{78811F69-AF8C-4F41-85E6-2545BD6DED9E}" destId="{9916279B-8DE6-4F23-ADB7-1C5DECBB9778}" srcOrd="2" destOrd="0" presId="urn:microsoft.com/office/officeart/2005/8/layout/architecture"/>
    <dgm:cxn modelId="{F35084B7-AA81-4B51-A6CA-526BD5B319AA}" type="presParOf" srcId="{9916279B-8DE6-4F23-ADB7-1C5DECBB9778}" destId="{FB9BBED3-65F6-4EC6-9FF8-0F61359E16D0}" srcOrd="0" destOrd="0" presId="urn:microsoft.com/office/officeart/2005/8/layout/architecture"/>
    <dgm:cxn modelId="{882FA849-ABBC-4A24-896F-D48F497CDC60}" type="presParOf" srcId="{FB9BBED3-65F6-4EC6-9FF8-0F61359E16D0}" destId="{ADA84871-D302-4BC9-AB06-906CAF35C796}" srcOrd="0" destOrd="0" presId="urn:microsoft.com/office/officeart/2005/8/layout/architecture"/>
    <dgm:cxn modelId="{BBC5300F-7240-4E92-A6D6-72468AB86AC0}" type="presParOf" srcId="{FB9BBED3-65F6-4EC6-9FF8-0F61359E16D0}" destId="{CE522BBB-E980-4455-88A0-9DE1324629FB}" srcOrd="1" destOrd="0" presId="urn:microsoft.com/office/officeart/2005/8/layout/architecture"/>
    <dgm:cxn modelId="{22C046B5-A79B-40EA-AA61-2D79D8A04D49}" type="presParOf" srcId="{0C8DDF08-EFB0-49DF-8214-D5C9B57A3103}" destId="{11DF2E9F-F437-43A2-A8F9-64B1D2C04248}" srcOrd="1" destOrd="0" presId="urn:microsoft.com/office/officeart/2005/8/layout/architecture"/>
    <dgm:cxn modelId="{E18FE82C-0BDB-4293-A172-DC2B1DE2969A}" type="presParOf" srcId="{0C8DDF08-EFB0-49DF-8214-D5C9B57A3103}" destId="{9BD4D401-E436-4512-82A0-6B26F63A8A24}" srcOrd="2" destOrd="0" presId="urn:microsoft.com/office/officeart/2005/8/layout/architecture"/>
    <dgm:cxn modelId="{D6C5A5D3-E53D-4245-8986-1032DB98ED5F}" type="presParOf" srcId="{9BD4D401-E436-4512-82A0-6B26F63A8A24}" destId="{A799CF32-9614-4105-B8D7-B221D068B18D}" srcOrd="0" destOrd="0" presId="urn:microsoft.com/office/officeart/2005/8/layout/architecture"/>
    <dgm:cxn modelId="{A1DB0FB7-4128-4522-BBA0-89E0F84E6438}" type="presParOf" srcId="{9BD4D401-E436-4512-82A0-6B26F63A8A24}" destId="{856DDDA3-771E-43EC-B0F8-7056D487127B}" srcOrd="1" destOrd="0" presId="urn:microsoft.com/office/officeart/2005/8/layout/architecture"/>
    <dgm:cxn modelId="{D506579E-2EFE-47D4-B618-61121B9F69D9}" type="presParOf" srcId="{9BD4D401-E436-4512-82A0-6B26F63A8A24}" destId="{57FC4089-657C-42D3-AB2D-F0CA4A625730}" srcOrd="2" destOrd="0" presId="urn:microsoft.com/office/officeart/2005/8/layout/architecture"/>
    <dgm:cxn modelId="{E5ADB554-5162-4E92-934A-648E7CA5E157}" type="presParOf" srcId="{57FC4089-657C-42D3-AB2D-F0CA4A625730}" destId="{6E071071-37A5-45D4-A834-9E72568E376A}" srcOrd="0" destOrd="0" presId="urn:microsoft.com/office/officeart/2005/8/layout/architecture"/>
    <dgm:cxn modelId="{458F88EA-9884-4581-B806-9DECBD8F26C7}" type="presParOf" srcId="{6E071071-37A5-45D4-A834-9E72568E376A}" destId="{F58A4BCC-3A47-448F-8C11-3FC23FAAC339}" srcOrd="0" destOrd="0" presId="urn:microsoft.com/office/officeart/2005/8/layout/architecture"/>
    <dgm:cxn modelId="{B180ECF3-FAB8-45F2-9013-C405A7C0551C}" type="presParOf" srcId="{6E071071-37A5-45D4-A834-9E72568E376A}" destId="{00EE460B-0035-4732-88B6-5B87A50899AB}" srcOrd="1" destOrd="0" presId="urn:microsoft.com/office/officeart/2005/8/layout/architecture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8.xml><?xml version="1.0" encoding="utf-8"?>
<dgm:dataModel xmlns:dgm="http://schemas.openxmlformats.org/drawingml/2006/diagram" xmlns:a="http://schemas.openxmlformats.org/drawingml/2006/main">
  <dgm:ptLst>
    <dgm:pt modelId="{29819170-ECCF-4527-8A74-D803176C41F5}" type="doc">
      <dgm:prSet loTypeId="urn:microsoft.com/office/officeart/2005/8/layout/vList2" loCatId="list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LID4096"/>
        </a:p>
      </dgm:t>
    </dgm:pt>
    <dgm:pt modelId="{DB4C83F1-3767-4755-A896-5FE911DFD630}">
      <dgm:prSet/>
      <dgm:spPr/>
      <dgm:t>
        <a:bodyPr/>
        <a:lstStyle/>
        <a:p>
          <a:r>
            <a:rPr lang="en-US"/>
            <a:t>11 laboratories</a:t>
          </a:r>
          <a:endParaRPr lang="en-DK"/>
        </a:p>
      </dgm:t>
    </dgm:pt>
    <dgm:pt modelId="{53764D98-6BB5-48EC-9767-0AC2A9A1DC11}" type="parTrans" cxnId="{5D1ECFD7-D339-4131-917E-BADC22823F51}">
      <dgm:prSet/>
      <dgm:spPr/>
      <dgm:t>
        <a:bodyPr/>
        <a:lstStyle/>
        <a:p>
          <a:endParaRPr lang="LID4096"/>
        </a:p>
      </dgm:t>
    </dgm:pt>
    <dgm:pt modelId="{9CE5918F-2E9F-4D56-9700-F066286F81D1}" type="sibTrans" cxnId="{5D1ECFD7-D339-4131-917E-BADC22823F51}">
      <dgm:prSet/>
      <dgm:spPr/>
      <dgm:t>
        <a:bodyPr/>
        <a:lstStyle/>
        <a:p>
          <a:endParaRPr lang="LID4096"/>
        </a:p>
      </dgm:t>
    </dgm:pt>
    <dgm:pt modelId="{F60F26EB-3700-41BA-9C89-0AC30F77E1A6}">
      <dgm:prSet/>
      <dgm:spPr/>
      <dgm:t>
        <a:bodyPr/>
        <a:lstStyle/>
        <a:p>
          <a:r>
            <a:rPr lang="en-US"/>
            <a:t>25% of class grade</a:t>
          </a:r>
          <a:endParaRPr lang="en-DK"/>
        </a:p>
      </dgm:t>
    </dgm:pt>
    <dgm:pt modelId="{C7D24C78-8ED0-4473-9B73-9CDBF7F742A8}" type="parTrans" cxnId="{155A7A98-FF82-4479-9DB9-48044107684E}">
      <dgm:prSet/>
      <dgm:spPr/>
      <dgm:t>
        <a:bodyPr/>
        <a:lstStyle/>
        <a:p>
          <a:endParaRPr lang="LID4096"/>
        </a:p>
      </dgm:t>
    </dgm:pt>
    <dgm:pt modelId="{48A8D669-E604-4B8B-9256-BB3825DBDAED}" type="sibTrans" cxnId="{155A7A98-FF82-4479-9DB9-48044107684E}">
      <dgm:prSet/>
      <dgm:spPr/>
      <dgm:t>
        <a:bodyPr/>
        <a:lstStyle/>
        <a:p>
          <a:endParaRPr lang="LID4096"/>
        </a:p>
      </dgm:t>
    </dgm:pt>
    <dgm:pt modelId="{AAEEDEFE-7820-4F6A-80D8-9C58E1D04E8C}">
      <dgm:prSet/>
      <dgm:spPr/>
      <dgm:t>
        <a:bodyPr/>
        <a:lstStyle/>
        <a:p>
          <a:r>
            <a:rPr lang="en-US"/>
            <a:t>3 students per team</a:t>
          </a:r>
          <a:endParaRPr lang="en-DK"/>
        </a:p>
      </dgm:t>
    </dgm:pt>
    <dgm:pt modelId="{C59229F5-FC7F-4DA1-A4E4-80FEFAD6B073}" type="parTrans" cxnId="{2B8CBF97-BE65-4175-A7A6-A782DF4E87C9}">
      <dgm:prSet/>
      <dgm:spPr/>
      <dgm:t>
        <a:bodyPr/>
        <a:lstStyle/>
        <a:p>
          <a:endParaRPr lang="LID4096"/>
        </a:p>
      </dgm:t>
    </dgm:pt>
    <dgm:pt modelId="{95D362D9-7975-4159-BB88-3C49544FE570}" type="sibTrans" cxnId="{2B8CBF97-BE65-4175-A7A6-A782DF4E87C9}">
      <dgm:prSet/>
      <dgm:spPr/>
      <dgm:t>
        <a:bodyPr/>
        <a:lstStyle/>
        <a:p>
          <a:endParaRPr lang="LID4096"/>
        </a:p>
      </dgm:t>
    </dgm:pt>
    <dgm:pt modelId="{BA2BD290-7541-4E6F-B7B8-A48ABD8435FF}">
      <dgm:prSet/>
      <dgm:spPr/>
      <dgm:t>
        <a:bodyPr/>
        <a:lstStyle/>
        <a:p>
          <a:r>
            <a:rPr lang="en-US"/>
            <a:t>2 deliverables</a:t>
          </a:r>
          <a:endParaRPr lang="en-DK"/>
        </a:p>
      </dgm:t>
    </dgm:pt>
    <dgm:pt modelId="{D61CB509-8ADB-4A17-885C-2EFC072A807D}" type="parTrans" cxnId="{7D7200C7-6BBB-4E15-B4E2-E075035BBE78}">
      <dgm:prSet/>
      <dgm:spPr/>
      <dgm:t>
        <a:bodyPr/>
        <a:lstStyle/>
        <a:p>
          <a:endParaRPr lang="LID4096"/>
        </a:p>
      </dgm:t>
    </dgm:pt>
    <dgm:pt modelId="{DF7153C0-4E9E-4BFF-A0FB-6B29574083FE}" type="sibTrans" cxnId="{7D7200C7-6BBB-4E15-B4E2-E075035BBE78}">
      <dgm:prSet/>
      <dgm:spPr/>
      <dgm:t>
        <a:bodyPr/>
        <a:lstStyle/>
        <a:p>
          <a:endParaRPr lang="LID4096"/>
        </a:p>
      </dgm:t>
    </dgm:pt>
    <dgm:pt modelId="{1B6AF035-811D-497B-95B7-847B909E67B3}">
      <dgm:prSet/>
      <dgm:spPr/>
      <dgm:t>
        <a:bodyPr/>
        <a:lstStyle/>
        <a:p>
          <a:r>
            <a:rPr lang="en-US"/>
            <a:t>50% Demostrative video (maximum length of 3 min.)</a:t>
          </a:r>
          <a:endParaRPr lang="en-DK"/>
        </a:p>
      </dgm:t>
    </dgm:pt>
    <dgm:pt modelId="{B327802A-1EC2-463C-B4B3-9EFEECF5D69D}" type="parTrans" cxnId="{E7409A55-32B3-4B62-A10D-55EC9F0543A8}">
      <dgm:prSet/>
      <dgm:spPr/>
      <dgm:t>
        <a:bodyPr/>
        <a:lstStyle/>
        <a:p>
          <a:endParaRPr lang="LID4096"/>
        </a:p>
      </dgm:t>
    </dgm:pt>
    <dgm:pt modelId="{60696986-A7C9-4FAA-B1E3-07631810AB3A}" type="sibTrans" cxnId="{E7409A55-32B3-4B62-A10D-55EC9F0543A8}">
      <dgm:prSet/>
      <dgm:spPr/>
      <dgm:t>
        <a:bodyPr/>
        <a:lstStyle/>
        <a:p>
          <a:endParaRPr lang="LID4096"/>
        </a:p>
      </dgm:t>
    </dgm:pt>
    <dgm:pt modelId="{49BC9112-3323-4CAC-902B-C9BEC063CFB3}">
      <dgm:prSet/>
      <dgm:spPr/>
      <dgm:t>
        <a:bodyPr/>
        <a:lstStyle/>
        <a:p>
          <a:r>
            <a:rPr lang="en-US"/>
            <a:t>50% MPLAB project</a:t>
          </a:r>
          <a:endParaRPr lang="en-DK"/>
        </a:p>
      </dgm:t>
    </dgm:pt>
    <dgm:pt modelId="{FC4DCD9E-7571-4499-9FCD-7688E98C08B0}" type="parTrans" cxnId="{3962074C-E1B6-4CC7-AB83-0F13DDB33F8B}">
      <dgm:prSet/>
      <dgm:spPr/>
      <dgm:t>
        <a:bodyPr/>
        <a:lstStyle/>
        <a:p>
          <a:endParaRPr lang="LID4096"/>
        </a:p>
      </dgm:t>
    </dgm:pt>
    <dgm:pt modelId="{ABA27942-CD0F-42E9-9DF0-E4DE87FEA892}" type="sibTrans" cxnId="{3962074C-E1B6-4CC7-AB83-0F13DDB33F8B}">
      <dgm:prSet/>
      <dgm:spPr/>
      <dgm:t>
        <a:bodyPr/>
        <a:lstStyle/>
        <a:p>
          <a:endParaRPr lang="LID4096"/>
        </a:p>
      </dgm:t>
    </dgm:pt>
    <dgm:pt modelId="{650978CD-2AED-4A18-ADC9-99E8DE00BD98}">
      <dgm:prSet/>
      <dgm:spPr/>
      <dgm:t>
        <a:bodyPr/>
        <a:lstStyle/>
        <a:p>
          <a:r>
            <a:rPr lang="en-US"/>
            <a:t>Self-enrollment on Canvas</a:t>
          </a:r>
          <a:endParaRPr lang="en-DK"/>
        </a:p>
      </dgm:t>
    </dgm:pt>
    <dgm:pt modelId="{9A591525-3C50-4F48-AF60-2AF1F33DBBBB}" type="parTrans" cxnId="{26EB4CB9-F5DA-4579-9AE2-930305DE06EF}">
      <dgm:prSet/>
      <dgm:spPr/>
      <dgm:t>
        <a:bodyPr/>
        <a:lstStyle/>
        <a:p>
          <a:endParaRPr lang="LID4096"/>
        </a:p>
      </dgm:t>
    </dgm:pt>
    <dgm:pt modelId="{6925B32D-5E39-4231-970D-64AEDFCE6210}" type="sibTrans" cxnId="{26EB4CB9-F5DA-4579-9AE2-930305DE06EF}">
      <dgm:prSet/>
      <dgm:spPr/>
      <dgm:t>
        <a:bodyPr/>
        <a:lstStyle/>
        <a:p>
          <a:endParaRPr lang="LID4096"/>
        </a:p>
      </dgm:t>
    </dgm:pt>
    <dgm:pt modelId="{5145C473-5A30-439A-899E-BAE32DBC04C8}" type="pres">
      <dgm:prSet presAssocID="{29819170-ECCF-4527-8A74-D803176C41F5}" presName="linear" presStyleCnt="0">
        <dgm:presLayoutVars>
          <dgm:animLvl val="lvl"/>
          <dgm:resizeHandles val="exact"/>
        </dgm:presLayoutVars>
      </dgm:prSet>
      <dgm:spPr/>
    </dgm:pt>
    <dgm:pt modelId="{EDE35EBF-D7A7-4B92-87AD-D2C562DF41B3}" type="pres">
      <dgm:prSet presAssocID="{DB4C83F1-3767-4755-A896-5FE911DFD630}" presName="parentText" presStyleLbl="node1" presStyleIdx="0" presStyleCnt="4">
        <dgm:presLayoutVars>
          <dgm:chMax val="0"/>
          <dgm:bulletEnabled val="1"/>
        </dgm:presLayoutVars>
      </dgm:prSet>
      <dgm:spPr/>
    </dgm:pt>
    <dgm:pt modelId="{08519C8C-EA1C-44F8-89F4-6B5F3406FAE8}" type="pres">
      <dgm:prSet presAssocID="{9CE5918F-2E9F-4D56-9700-F066286F81D1}" presName="spacer" presStyleCnt="0"/>
      <dgm:spPr/>
    </dgm:pt>
    <dgm:pt modelId="{EA8B943B-EA58-4CF1-BE84-D1B631724103}" type="pres">
      <dgm:prSet presAssocID="{F60F26EB-3700-41BA-9C89-0AC30F77E1A6}" presName="parentText" presStyleLbl="node1" presStyleIdx="1" presStyleCnt="4">
        <dgm:presLayoutVars>
          <dgm:chMax val="0"/>
          <dgm:bulletEnabled val="1"/>
        </dgm:presLayoutVars>
      </dgm:prSet>
      <dgm:spPr/>
    </dgm:pt>
    <dgm:pt modelId="{DEFFC2DE-3340-47C4-BB48-51E9FD700004}" type="pres">
      <dgm:prSet presAssocID="{48A8D669-E604-4B8B-9256-BB3825DBDAED}" presName="spacer" presStyleCnt="0"/>
      <dgm:spPr/>
    </dgm:pt>
    <dgm:pt modelId="{D6149D31-85BE-44E9-AF9D-A46D58E413E7}" type="pres">
      <dgm:prSet presAssocID="{AAEEDEFE-7820-4F6A-80D8-9C58E1D04E8C}" presName="parentText" presStyleLbl="node1" presStyleIdx="2" presStyleCnt="4">
        <dgm:presLayoutVars>
          <dgm:chMax val="0"/>
          <dgm:bulletEnabled val="1"/>
        </dgm:presLayoutVars>
      </dgm:prSet>
      <dgm:spPr/>
    </dgm:pt>
    <dgm:pt modelId="{5579CE3A-6165-446E-9A97-CF24DC5A9395}" type="pres">
      <dgm:prSet presAssocID="{AAEEDEFE-7820-4F6A-80D8-9C58E1D04E8C}" presName="childText" presStyleLbl="revTx" presStyleIdx="0" presStyleCnt="2">
        <dgm:presLayoutVars>
          <dgm:bulletEnabled val="1"/>
        </dgm:presLayoutVars>
      </dgm:prSet>
      <dgm:spPr/>
    </dgm:pt>
    <dgm:pt modelId="{6E5317FD-4D39-453E-9811-2C6659CCB84E}" type="pres">
      <dgm:prSet presAssocID="{BA2BD290-7541-4E6F-B7B8-A48ABD8435FF}" presName="parentText" presStyleLbl="node1" presStyleIdx="3" presStyleCnt="4">
        <dgm:presLayoutVars>
          <dgm:chMax val="0"/>
          <dgm:bulletEnabled val="1"/>
        </dgm:presLayoutVars>
      </dgm:prSet>
      <dgm:spPr/>
    </dgm:pt>
    <dgm:pt modelId="{3B898BC9-6C25-47F6-8FB4-4CA642186EB9}" type="pres">
      <dgm:prSet presAssocID="{BA2BD290-7541-4E6F-B7B8-A48ABD8435FF}" presName="childText" presStyleLbl="revTx" presStyleIdx="1" presStyleCnt="2">
        <dgm:presLayoutVars>
          <dgm:bulletEnabled val="1"/>
        </dgm:presLayoutVars>
      </dgm:prSet>
      <dgm:spPr/>
    </dgm:pt>
  </dgm:ptLst>
  <dgm:cxnLst>
    <dgm:cxn modelId="{D89BB82E-7967-4047-8D79-3AA3555D893C}" type="presOf" srcId="{DB4C83F1-3767-4755-A896-5FE911DFD630}" destId="{EDE35EBF-D7A7-4B92-87AD-D2C562DF41B3}" srcOrd="0" destOrd="0" presId="urn:microsoft.com/office/officeart/2005/8/layout/vList2"/>
    <dgm:cxn modelId="{B02A2E67-6D30-486D-94C1-9583DE99A12D}" type="presOf" srcId="{1B6AF035-811D-497B-95B7-847B909E67B3}" destId="{3B898BC9-6C25-47F6-8FB4-4CA642186EB9}" srcOrd="0" destOrd="0" presId="urn:microsoft.com/office/officeart/2005/8/layout/vList2"/>
    <dgm:cxn modelId="{3962074C-E1B6-4CC7-AB83-0F13DDB33F8B}" srcId="{BA2BD290-7541-4E6F-B7B8-A48ABD8435FF}" destId="{49BC9112-3323-4CAC-902B-C9BEC063CFB3}" srcOrd="1" destOrd="0" parTransId="{FC4DCD9E-7571-4499-9FCD-7688E98C08B0}" sibTransId="{ABA27942-CD0F-42E9-9DF0-E4DE87FEA892}"/>
    <dgm:cxn modelId="{77E7C24E-318E-47ED-B4D9-F5EFE9A8517B}" type="presOf" srcId="{49BC9112-3323-4CAC-902B-C9BEC063CFB3}" destId="{3B898BC9-6C25-47F6-8FB4-4CA642186EB9}" srcOrd="0" destOrd="1" presId="urn:microsoft.com/office/officeart/2005/8/layout/vList2"/>
    <dgm:cxn modelId="{27A4CA54-81D2-4D50-9300-BA5E9372193A}" type="presOf" srcId="{650978CD-2AED-4A18-ADC9-99E8DE00BD98}" destId="{5579CE3A-6165-446E-9A97-CF24DC5A9395}" srcOrd="0" destOrd="0" presId="urn:microsoft.com/office/officeart/2005/8/layout/vList2"/>
    <dgm:cxn modelId="{E7409A55-32B3-4B62-A10D-55EC9F0543A8}" srcId="{BA2BD290-7541-4E6F-B7B8-A48ABD8435FF}" destId="{1B6AF035-811D-497B-95B7-847B909E67B3}" srcOrd="0" destOrd="0" parTransId="{B327802A-1EC2-463C-B4B3-9EFEECF5D69D}" sibTransId="{60696986-A7C9-4FAA-B1E3-07631810AB3A}"/>
    <dgm:cxn modelId="{1CDE7756-167F-46D8-9C09-4297A0D9119E}" type="presOf" srcId="{29819170-ECCF-4527-8A74-D803176C41F5}" destId="{5145C473-5A30-439A-899E-BAE32DBC04C8}" srcOrd="0" destOrd="0" presId="urn:microsoft.com/office/officeart/2005/8/layout/vList2"/>
    <dgm:cxn modelId="{2B8CBF97-BE65-4175-A7A6-A782DF4E87C9}" srcId="{29819170-ECCF-4527-8A74-D803176C41F5}" destId="{AAEEDEFE-7820-4F6A-80D8-9C58E1D04E8C}" srcOrd="2" destOrd="0" parTransId="{C59229F5-FC7F-4DA1-A4E4-80FEFAD6B073}" sibTransId="{95D362D9-7975-4159-BB88-3C49544FE570}"/>
    <dgm:cxn modelId="{155A7A98-FF82-4479-9DB9-48044107684E}" srcId="{29819170-ECCF-4527-8A74-D803176C41F5}" destId="{F60F26EB-3700-41BA-9C89-0AC30F77E1A6}" srcOrd="1" destOrd="0" parTransId="{C7D24C78-8ED0-4473-9B73-9CDBF7F742A8}" sibTransId="{48A8D669-E604-4B8B-9256-BB3825DBDAED}"/>
    <dgm:cxn modelId="{95D7D5A4-8E07-4C6D-A5C4-0125915F88BA}" type="presOf" srcId="{AAEEDEFE-7820-4F6A-80D8-9C58E1D04E8C}" destId="{D6149D31-85BE-44E9-AF9D-A46D58E413E7}" srcOrd="0" destOrd="0" presId="urn:microsoft.com/office/officeart/2005/8/layout/vList2"/>
    <dgm:cxn modelId="{26EB4CB9-F5DA-4579-9AE2-930305DE06EF}" srcId="{AAEEDEFE-7820-4F6A-80D8-9C58E1D04E8C}" destId="{650978CD-2AED-4A18-ADC9-99E8DE00BD98}" srcOrd="0" destOrd="0" parTransId="{9A591525-3C50-4F48-AF60-2AF1F33DBBBB}" sibTransId="{6925B32D-5E39-4231-970D-64AEDFCE6210}"/>
    <dgm:cxn modelId="{7D7200C7-6BBB-4E15-B4E2-E075035BBE78}" srcId="{29819170-ECCF-4527-8A74-D803176C41F5}" destId="{BA2BD290-7541-4E6F-B7B8-A48ABD8435FF}" srcOrd="3" destOrd="0" parTransId="{D61CB509-8ADB-4A17-885C-2EFC072A807D}" sibTransId="{DF7153C0-4E9E-4BFF-A0FB-6B29574083FE}"/>
    <dgm:cxn modelId="{5D1ECFD7-D339-4131-917E-BADC22823F51}" srcId="{29819170-ECCF-4527-8A74-D803176C41F5}" destId="{DB4C83F1-3767-4755-A896-5FE911DFD630}" srcOrd="0" destOrd="0" parTransId="{53764D98-6BB5-48EC-9767-0AC2A9A1DC11}" sibTransId="{9CE5918F-2E9F-4D56-9700-F066286F81D1}"/>
    <dgm:cxn modelId="{CF458EE3-EA19-47A4-B789-F3411BC02620}" type="presOf" srcId="{BA2BD290-7541-4E6F-B7B8-A48ABD8435FF}" destId="{6E5317FD-4D39-453E-9811-2C6659CCB84E}" srcOrd="0" destOrd="0" presId="urn:microsoft.com/office/officeart/2005/8/layout/vList2"/>
    <dgm:cxn modelId="{DC05DDF6-BD20-4357-B9E0-C64A555C95F5}" type="presOf" srcId="{F60F26EB-3700-41BA-9C89-0AC30F77E1A6}" destId="{EA8B943B-EA58-4CF1-BE84-D1B631724103}" srcOrd="0" destOrd="0" presId="urn:microsoft.com/office/officeart/2005/8/layout/vList2"/>
    <dgm:cxn modelId="{8F40181D-0E12-48DC-96CD-AF029B9843AE}" type="presParOf" srcId="{5145C473-5A30-439A-899E-BAE32DBC04C8}" destId="{EDE35EBF-D7A7-4B92-87AD-D2C562DF41B3}" srcOrd="0" destOrd="0" presId="urn:microsoft.com/office/officeart/2005/8/layout/vList2"/>
    <dgm:cxn modelId="{49274B00-6B72-47E4-8BBF-C81A962F716D}" type="presParOf" srcId="{5145C473-5A30-439A-899E-BAE32DBC04C8}" destId="{08519C8C-EA1C-44F8-89F4-6B5F3406FAE8}" srcOrd="1" destOrd="0" presId="urn:microsoft.com/office/officeart/2005/8/layout/vList2"/>
    <dgm:cxn modelId="{D66C8BF5-5C9D-4FD4-8187-3DEB92758555}" type="presParOf" srcId="{5145C473-5A30-439A-899E-BAE32DBC04C8}" destId="{EA8B943B-EA58-4CF1-BE84-D1B631724103}" srcOrd="2" destOrd="0" presId="urn:microsoft.com/office/officeart/2005/8/layout/vList2"/>
    <dgm:cxn modelId="{FE691369-EF0C-453E-9C36-49D0B05F3A1A}" type="presParOf" srcId="{5145C473-5A30-439A-899E-BAE32DBC04C8}" destId="{DEFFC2DE-3340-47C4-BB48-51E9FD700004}" srcOrd="3" destOrd="0" presId="urn:microsoft.com/office/officeart/2005/8/layout/vList2"/>
    <dgm:cxn modelId="{BBE8A8D4-5877-4F17-AB6C-3DEE14FEF5EF}" type="presParOf" srcId="{5145C473-5A30-439A-899E-BAE32DBC04C8}" destId="{D6149D31-85BE-44E9-AF9D-A46D58E413E7}" srcOrd="4" destOrd="0" presId="urn:microsoft.com/office/officeart/2005/8/layout/vList2"/>
    <dgm:cxn modelId="{6F203D25-534D-4C1B-9B24-706E0A9118EF}" type="presParOf" srcId="{5145C473-5A30-439A-899E-BAE32DBC04C8}" destId="{5579CE3A-6165-446E-9A97-CF24DC5A9395}" srcOrd="5" destOrd="0" presId="urn:microsoft.com/office/officeart/2005/8/layout/vList2"/>
    <dgm:cxn modelId="{DE7B904D-3691-4B3C-BB83-5873C5F932E5}" type="presParOf" srcId="{5145C473-5A30-439A-899E-BAE32DBC04C8}" destId="{6E5317FD-4D39-453E-9811-2C6659CCB84E}" srcOrd="6" destOrd="0" presId="urn:microsoft.com/office/officeart/2005/8/layout/vList2"/>
    <dgm:cxn modelId="{CB60E547-A261-44FD-BB7A-5F323B998358}" type="presParOf" srcId="{5145C473-5A30-439A-899E-BAE32DBC04C8}" destId="{3B898BC9-6C25-47F6-8FB4-4CA642186EB9}" srcOrd="7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9.xml><?xml version="1.0" encoding="utf-8"?>
<dgm:dataModel xmlns:dgm="http://schemas.openxmlformats.org/drawingml/2006/diagram" xmlns:a="http://schemas.openxmlformats.org/drawingml/2006/main">
  <dgm:ptLst>
    <dgm:pt modelId="{DC53CB44-2F73-4241-9EFC-77C005AA908C}" type="doc">
      <dgm:prSet loTypeId="urn:microsoft.com/office/officeart/2005/8/layout/hList2" loCatId="picture" qsTypeId="urn:microsoft.com/office/officeart/2005/8/quickstyle/simple4" qsCatId="simple" csTypeId="urn:microsoft.com/office/officeart/2005/8/colors/accent2_1" csCatId="accent2" phldr="1"/>
      <dgm:spPr/>
      <dgm:t>
        <a:bodyPr/>
        <a:lstStyle/>
        <a:p>
          <a:endParaRPr lang="LID4096"/>
        </a:p>
      </dgm:t>
    </dgm:pt>
    <dgm:pt modelId="{B6FD6160-8B51-46C8-AEAD-619A018E8970}">
      <dgm:prSet phldrT="[Text]"/>
      <dgm:spPr/>
      <dgm:t>
        <a:bodyPr/>
        <a:lstStyle/>
        <a:p>
          <a:r>
            <a:rPr lang="es-MX"/>
            <a:t>Integrated Develpment Environment</a:t>
          </a:r>
          <a:endParaRPr lang="LID4096"/>
        </a:p>
      </dgm:t>
    </dgm:pt>
    <dgm:pt modelId="{6EF11246-CC5F-459C-BEF7-0E3BF09D4AA9}" type="parTrans" cxnId="{58153A1D-FD9F-4C7A-A0B7-4869CE15E61B}">
      <dgm:prSet/>
      <dgm:spPr/>
      <dgm:t>
        <a:bodyPr/>
        <a:lstStyle/>
        <a:p>
          <a:endParaRPr lang="LID4096"/>
        </a:p>
      </dgm:t>
    </dgm:pt>
    <dgm:pt modelId="{06837629-521E-4CED-87AA-9812B1EBD56E}" type="sibTrans" cxnId="{58153A1D-FD9F-4C7A-A0B7-4869CE15E61B}">
      <dgm:prSet/>
      <dgm:spPr/>
      <dgm:t>
        <a:bodyPr/>
        <a:lstStyle/>
        <a:p>
          <a:endParaRPr lang="LID4096"/>
        </a:p>
      </dgm:t>
    </dgm:pt>
    <dgm:pt modelId="{A1F46648-1332-476F-A320-2A65017C7425}">
      <dgm:prSet phldrT="[Text]"/>
      <dgm:spPr/>
      <dgm:t>
        <a:bodyPr/>
        <a:lstStyle/>
        <a:p>
          <a:r>
            <a:rPr lang="es-MX"/>
            <a:t>GitHub Repository</a:t>
          </a:r>
          <a:endParaRPr lang="LID4096"/>
        </a:p>
      </dgm:t>
    </dgm:pt>
    <dgm:pt modelId="{03C11195-D22E-48C4-9AD5-0E98063BAC49}" type="sibTrans" cxnId="{75B8ACDA-3F19-40D9-80BB-AEF670C712C9}">
      <dgm:prSet/>
      <dgm:spPr/>
      <dgm:t>
        <a:bodyPr/>
        <a:lstStyle/>
        <a:p>
          <a:endParaRPr lang="LID4096"/>
        </a:p>
      </dgm:t>
    </dgm:pt>
    <dgm:pt modelId="{4A091672-DAE6-457D-B945-AE289760D1B4}" type="parTrans" cxnId="{75B8ACDA-3F19-40D9-80BB-AEF670C712C9}">
      <dgm:prSet/>
      <dgm:spPr/>
      <dgm:t>
        <a:bodyPr/>
        <a:lstStyle/>
        <a:p>
          <a:endParaRPr lang="LID4096"/>
        </a:p>
      </dgm:t>
    </dgm:pt>
    <dgm:pt modelId="{F7BA30C8-3AC0-4D14-A023-4464C62458CB}">
      <dgm:prSet phldrT="[Text]"/>
      <dgm:spPr/>
      <dgm:t>
        <a:bodyPr/>
        <a:lstStyle/>
        <a:p>
          <a:r>
            <a:rPr lang="es-MX"/>
            <a:t>XC8 Compiler</a:t>
          </a:r>
          <a:endParaRPr lang="LID4096"/>
        </a:p>
      </dgm:t>
    </dgm:pt>
    <dgm:pt modelId="{A0B15A46-E38D-4398-9AE4-2AED84C0AB61}" type="parTrans" cxnId="{298D0959-82F9-41F6-9028-B09548CBAD24}">
      <dgm:prSet/>
      <dgm:spPr/>
      <dgm:t>
        <a:bodyPr/>
        <a:lstStyle/>
        <a:p>
          <a:endParaRPr lang="LID4096"/>
        </a:p>
      </dgm:t>
    </dgm:pt>
    <dgm:pt modelId="{8819911A-10CC-4F04-9CD2-FCDAEA6577A3}" type="sibTrans" cxnId="{298D0959-82F9-41F6-9028-B09548CBAD24}">
      <dgm:prSet/>
      <dgm:spPr/>
      <dgm:t>
        <a:bodyPr/>
        <a:lstStyle/>
        <a:p>
          <a:endParaRPr lang="LID4096"/>
        </a:p>
      </dgm:t>
    </dgm:pt>
    <dgm:pt modelId="{21D55FA8-2A13-4CB3-8E47-7A1639687BB8}">
      <dgm:prSet phldrT="[Text]"/>
      <dgm:spPr/>
      <dgm:t>
        <a:bodyPr/>
        <a:lstStyle/>
        <a:p>
          <a:r>
            <a:rPr lang="es-MX"/>
            <a:t>MPLAB Xpress IDE</a:t>
          </a:r>
          <a:endParaRPr lang="LID4096"/>
        </a:p>
      </dgm:t>
    </dgm:pt>
    <dgm:pt modelId="{A062D2BF-6DE5-4416-9F5B-A1E5E1826408}" type="parTrans" cxnId="{DF2FFF0F-8DC5-4D7B-AFF7-ED60F470AC97}">
      <dgm:prSet/>
      <dgm:spPr/>
      <dgm:t>
        <a:bodyPr/>
        <a:lstStyle/>
        <a:p>
          <a:endParaRPr lang="LID4096"/>
        </a:p>
      </dgm:t>
    </dgm:pt>
    <dgm:pt modelId="{C7AFE569-0847-47C7-A2E0-08417D2A330A}" type="sibTrans" cxnId="{DF2FFF0F-8DC5-4D7B-AFF7-ED60F470AC97}">
      <dgm:prSet/>
      <dgm:spPr/>
      <dgm:t>
        <a:bodyPr/>
        <a:lstStyle/>
        <a:p>
          <a:endParaRPr lang="LID4096"/>
        </a:p>
      </dgm:t>
    </dgm:pt>
    <dgm:pt modelId="{F65552E3-1D67-4B5C-A59E-4A3DEFDCB1F3}">
      <dgm:prSet phldrT="[Text]"/>
      <dgm:spPr/>
      <dgm:t>
        <a:bodyPr/>
        <a:lstStyle/>
        <a:p>
          <a:r>
            <a:rPr lang="en-US"/>
            <a:t>Laboratories</a:t>
          </a:r>
          <a:endParaRPr lang="LID4096"/>
        </a:p>
      </dgm:t>
    </dgm:pt>
    <dgm:pt modelId="{767F75D7-48FB-4923-9DA5-74BBF18EEE4C}" type="sibTrans" cxnId="{F49CDC48-FD4D-4A68-B8B3-C7FD559A4238}">
      <dgm:prSet/>
      <dgm:spPr/>
      <dgm:t>
        <a:bodyPr/>
        <a:lstStyle/>
        <a:p>
          <a:endParaRPr lang="LID4096"/>
        </a:p>
      </dgm:t>
    </dgm:pt>
    <dgm:pt modelId="{F145BEC4-100B-4731-8F25-F8861EE5F1ED}" type="parTrans" cxnId="{F49CDC48-FD4D-4A68-B8B3-C7FD559A4238}">
      <dgm:prSet/>
      <dgm:spPr/>
      <dgm:t>
        <a:bodyPr/>
        <a:lstStyle/>
        <a:p>
          <a:endParaRPr lang="LID4096"/>
        </a:p>
      </dgm:t>
    </dgm:pt>
    <dgm:pt modelId="{335F9067-CAFD-4D53-98B0-34BA76530704}">
      <dgm:prSet/>
      <dgm:spPr/>
      <dgm:t>
        <a:bodyPr/>
        <a:lstStyle/>
        <a:p>
          <a:r>
            <a:rPr lang="en-US"/>
            <a:t>Datasheets</a:t>
          </a:r>
        </a:p>
      </dgm:t>
    </dgm:pt>
    <dgm:pt modelId="{95C11222-D053-48AA-8064-EF27AFDC2F42}" type="sibTrans" cxnId="{DB2AB86D-1601-4FB2-A40E-C1C5A0DC444E}">
      <dgm:prSet/>
      <dgm:spPr/>
      <dgm:t>
        <a:bodyPr/>
        <a:lstStyle/>
        <a:p>
          <a:endParaRPr lang="LID4096"/>
        </a:p>
      </dgm:t>
    </dgm:pt>
    <dgm:pt modelId="{179CE56D-DB0A-4060-9F6B-12A95FECD337}" type="parTrans" cxnId="{DB2AB86D-1601-4FB2-A40E-C1C5A0DC444E}">
      <dgm:prSet/>
      <dgm:spPr/>
      <dgm:t>
        <a:bodyPr/>
        <a:lstStyle/>
        <a:p>
          <a:endParaRPr lang="LID4096"/>
        </a:p>
      </dgm:t>
    </dgm:pt>
    <dgm:pt modelId="{179AD561-7B8F-4644-8780-51F1F06821F0}">
      <dgm:prSet/>
      <dgm:spPr/>
      <dgm:t>
        <a:bodyPr/>
        <a:lstStyle/>
        <a:p>
          <a:r>
            <a:rPr lang="en-US"/>
            <a:t>Examples</a:t>
          </a:r>
          <a:endParaRPr lang="LID4096"/>
        </a:p>
      </dgm:t>
    </dgm:pt>
    <dgm:pt modelId="{1A0934B8-D8DF-4939-BF26-05A6758E561A}" type="sibTrans" cxnId="{591C5EA9-69EE-4D5F-8D03-75710D04C1B9}">
      <dgm:prSet/>
      <dgm:spPr/>
      <dgm:t>
        <a:bodyPr/>
        <a:lstStyle/>
        <a:p>
          <a:endParaRPr lang="LID4096"/>
        </a:p>
      </dgm:t>
    </dgm:pt>
    <dgm:pt modelId="{FD62BF0C-EC15-4D70-952E-96A021BFD598}" type="parTrans" cxnId="{591C5EA9-69EE-4D5F-8D03-75710D04C1B9}">
      <dgm:prSet/>
      <dgm:spPr/>
      <dgm:t>
        <a:bodyPr/>
        <a:lstStyle/>
        <a:p>
          <a:endParaRPr lang="LID4096"/>
        </a:p>
      </dgm:t>
    </dgm:pt>
    <dgm:pt modelId="{21D87A01-763C-437E-AC01-2B1FEDE77554}">
      <dgm:prSet/>
      <dgm:spPr/>
      <dgm:t>
        <a:bodyPr/>
        <a:lstStyle/>
        <a:p>
          <a:r>
            <a:rPr lang="es-MX"/>
            <a:t>Simulations</a:t>
          </a:r>
          <a:endParaRPr lang="LID4096"/>
        </a:p>
      </dgm:t>
    </dgm:pt>
    <dgm:pt modelId="{E68159D0-743B-4D2C-A14E-2B802E9B79A3}" type="sibTrans" cxnId="{A2244E59-9F49-4BDE-A38A-DE2277DAFB22}">
      <dgm:prSet/>
      <dgm:spPr/>
      <dgm:t>
        <a:bodyPr/>
        <a:lstStyle/>
        <a:p>
          <a:endParaRPr lang="LID4096"/>
        </a:p>
      </dgm:t>
    </dgm:pt>
    <dgm:pt modelId="{4F8F70C2-836B-4EF8-A09C-C8D7C71D2346}" type="parTrans" cxnId="{A2244E59-9F49-4BDE-A38A-DE2277DAFB22}">
      <dgm:prSet/>
      <dgm:spPr/>
      <dgm:t>
        <a:bodyPr/>
        <a:lstStyle/>
        <a:p>
          <a:endParaRPr lang="LID4096"/>
        </a:p>
      </dgm:t>
    </dgm:pt>
    <dgm:pt modelId="{797EE010-E377-47C1-8EE7-3910D5802074}">
      <dgm:prSet phldrT="[Text]"/>
      <dgm:spPr/>
      <dgm:t>
        <a:bodyPr/>
        <a:lstStyle/>
        <a:p>
          <a:r>
            <a:rPr lang="es-MX"/>
            <a:t>Bibliography</a:t>
          </a:r>
          <a:endParaRPr lang="LID4096"/>
        </a:p>
      </dgm:t>
    </dgm:pt>
    <dgm:pt modelId="{2C558698-B16A-42AC-9509-7A5D0A1AD309}" type="parTrans" cxnId="{AC559C70-2A70-4E26-8DE5-BFE051C294FE}">
      <dgm:prSet/>
      <dgm:spPr/>
      <dgm:t>
        <a:bodyPr/>
        <a:lstStyle/>
        <a:p>
          <a:endParaRPr lang="LID4096"/>
        </a:p>
      </dgm:t>
    </dgm:pt>
    <dgm:pt modelId="{EA9CA6D9-1C05-4D39-8894-1F7CE1EED3CD}" type="sibTrans" cxnId="{AC559C70-2A70-4E26-8DE5-BFE051C294FE}">
      <dgm:prSet/>
      <dgm:spPr/>
      <dgm:t>
        <a:bodyPr/>
        <a:lstStyle/>
        <a:p>
          <a:endParaRPr lang="LID4096"/>
        </a:p>
      </dgm:t>
    </dgm:pt>
    <dgm:pt modelId="{65757D00-B843-414A-8EBE-5B0C38CA36D9}">
      <dgm:prSet phldrT="[Text]"/>
      <dgm:spPr/>
      <dgm:t>
        <a:bodyPr/>
        <a:lstStyle/>
        <a:p>
          <a:r>
            <a:rPr lang="es-MX"/>
            <a:t>Programming 8-bit Microcontrollers in C – Martin P. Bates</a:t>
          </a:r>
          <a:endParaRPr lang="LID4096"/>
        </a:p>
      </dgm:t>
    </dgm:pt>
    <dgm:pt modelId="{B4C9F83E-531A-4DC5-B675-6853C35E5E4A}" type="parTrans" cxnId="{BBCC4AFE-1A3D-4DF9-BE49-30EE66C16E28}">
      <dgm:prSet/>
      <dgm:spPr/>
      <dgm:t>
        <a:bodyPr/>
        <a:lstStyle/>
        <a:p>
          <a:endParaRPr lang="LID4096"/>
        </a:p>
      </dgm:t>
    </dgm:pt>
    <dgm:pt modelId="{8746679A-AD08-4E38-87AD-3086AFB9E118}" type="sibTrans" cxnId="{BBCC4AFE-1A3D-4DF9-BE49-30EE66C16E28}">
      <dgm:prSet/>
      <dgm:spPr/>
      <dgm:t>
        <a:bodyPr/>
        <a:lstStyle/>
        <a:p>
          <a:endParaRPr lang="LID4096"/>
        </a:p>
      </dgm:t>
    </dgm:pt>
    <dgm:pt modelId="{D7FCE3E0-2769-4A86-9D1C-0A15C94C6406}">
      <dgm:prSet phldrT="[Text]"/>
      <dgm:spPr/>
      <dgm:t>
        <a:bodyPr/>
        <a:lstStyle/>
        <a:p>
          <a:r>
            <a:rPr lang="es-MX"/>
            <a:t>PIC18 &amp; MPLAB Documentation</a:t>
          </a:r>
          <a:endParaRPr lang="LID4096"/>
        </a:p>
      </dgm:t>
    </dgm:pt>
    <dgm:pt modelId="{8AB8A4E9-9D60-4EDC-92A3-B6EA5E1BCCF3}" type="parTrans" cxnId="{9B4CFAF8-A208-4F00-95B1-D40159EC00EA}">
      <dgm:prSet/>
      <dgm:spPr/>
      <dgm:t>
        <a:bodyPr/>
        <a:lstStyle/>
        <a:p>
          <a:endParaRPr lang="LID4096"/>
        </a:p>
      </dgm:t>
    </dgm:pt>
    <dgm:pt modelId="{4D4244AF-7493-4567-A41A-CD7EEE601F80}" type="sibTrans" cxnId="{9B4CFAF8-A208-4F00-95B1-D40159EC00EA}">
      <dgm:prSet/>
      <dgm:spPr/>
      <dgm:t>
        <a:bodyPr/>
        <a:lstStyle/>
        <a:p>
          <a:endParaRPr lang="LID4096"/>
        </a:p>
      </dgm:t>
    </dgm:pt>
    <dgm:pt modelId="{5F9641C2-F576-4444-9B00-616485421A6B}">
      <dgm:prSet phldrT="[Text]"/>
      <dgm:spPr/>
      <dgm:t>
        <a:bodyPr/>
        <a:lstStyle/>
        <a:p>
          <a:r>
            <a:rPr lang="es-MX"/>
            <a:t>C Programming for the PIC Microcontroller – Hubert Henry Ward</a:t>
          </a:r>
          <a:endParaRPr lang="LID4096"/>
        </a:p>
      </dgm:t>
    </dgm:pt>
    <dgm:pt modelId="{73538624-57A3-45D7-811F-968AB99C4C72}" type="parTrans" cxnId="{6DBE9522-EF8A-4B56-862D-ABC1760E49F8}">
      <dgm:prSet/>
      <dgm:spPr/>
      <dgm:t>
        <a:bodyPr/>
        <a:lstStyle/>
        <a:p>
          <a:endParaRPr lang="LID4096"/>
        </a:p>
      </dgm:t>
    </dgm:pt>
    <dgm:pt modelId="{949F7095-2FC7-456A-9E8B-763D018BA037}" type="sibTrans" cxnId="{6DBE9522-EF8A-4B56-862D-ABC1760E49F8}">
      <dgm:prSet/>
      <dgm:spPr/>
      <dgm:t>
        <a:bodyPr/>
        <a:lstStyle/>
        <a:p>
          <a:endParaRPr lang="LID4096"/>
        </a:p>
      </dgm:t>
    </dgm:pt>
    <dgm:pt modelId="{5DC6E30F-A20B-4A50-A01F-54132D3CE9CC}">
      <dgm:prSet phldrT="[Text]"/>
      <dgm:spPr/>
      <dgm:t>
        <a:bodyPr/>
        <a:lstStyle/>
        <a:p>
          <a:r>
            <a:rPr lang="es-MX"/>
            <a:t>MPLAB XC8 PIC Assembler</a:t>
          </a:r>
          <a:endParaRPr lang="LID4096"/>
        </a:p>
      </dgm:t>
    </dgm:pt>
    <dgm:pt modelId="{D8D24227-2F7C-43D4-A639-F3B20E886878}" type="parTrans" cxnId="{B4A0FA0F-5AC8-48E3-B0E0-92F8E58B5D1E}">
      <dgm:prSet/>
      <dgm:spPr/>
      <dgm:t>
        <a:bodyPr/>
        <a:lstStyle/>
        <a:p>
          <a:endParaRPr lang="LID4096"/>
        </a:p>
      </dgm:t>
    </dgm:pt>
    <dgm:pt modelId="{7B7A2A1E-D48D-4DD3-B345-409B24519D31}" type="sibTrans" cxnId="{B4A0FA0F-5AC8-48E3-B0E0-92F8E58B5D1E}">
      <dgm:prSet/>
      <dgm:spPr/>
      <dgm:t>
        <a:bodyPr/>
        <a:lstStyle/>
        <a:p>
          <a:endParaRPr lang="LID4096"/>
        </a:p>
      </dgm:t>
    </dgm:pt>
    <dgm:pt modelId="{4ADA1C25-0C7D-4896-8942-B63C9C0E342A}">
      <dgm:prSet phldrT="[Text]"/>
      <dgm:spPr/>
      <dgm:t>
        <a:bodyPr/>
        <a:lstStyle/>
        <a:p>
          <a:r>
            <a:rPr lang="es-MX"/>
            <a:t>MPLAB C18 C Compiler</a:t>
          </a:r>
          <a:endParaRPr lang="LID4096"/>
        </a:p>
      </dgm:t>
    </dgm:pt>
    <dgm:pt modelId="{5E0FA26B-4F02-4135-9A58-3906AFEC1A55}" type="parTrans" cxnId="{72F7CD72-5E86-4C76-9126-9632D80F8760}">
      <dgm:prSet/>
      <dgm:spPr/>
      <dgm:t>
        <a:bodyPr/>
        <a:lstStyle/>
        <a:p>
          <a:endParaRPr lang="LID4096"/>
        </a:p>
      </dgm:t>
    </dgm:pt>
    <dgm:pt modelId="{0F37C26E-A7D0-4B3F-8840-FA86688D7B93}" type="sibTrans" cxnId="{72F7CD72-5E86-4C76-9126-9632D80F8760}">
      <dgm:prSet/>
      <dgm:spPr/>
      <dgm:t>
        <a:bodyPr/>
        <a:lstStyle/>
        <a:p>
          <a:endParaRPr lang="LID4096"/>
        </a:p>
      </dgm:t>
    </dgm:pt>
    <dgm:pt modelId="{9EF892C4-D0EC-406F-B7AB-5C2BDEEE0BC7}">
      <dgm:prSet phldrT="[Text]"/>
      <dgm:spPr/>
      <dgm:t>
        <a:bodyPr/>
        <a:lstStyle/>
        <a:p>
          <a:r>
            <a:rPr lang="es-MX"/>
            <a:t>Interfacing PIC Microcontrollers to Peripheral Devices – Bohdan Borowik</a:t>
          </a:r>
          <a:endParaRPr lang="LID4096"/>
        </a:p>
      </dgm:t>
    </dgm:pt>
    <dgm:pt modelId="{DAD3B163-902E-4D09-B44F-408261078CA4}" type="parTrans" cxnId="{E53B0386-CCEF-4757-A4D4-47E2C65E7DA0}">
      <dgm:prSet/>
      <dgm:spPr/>
      <dgm:t>
        <a:bodyPr/>
        <a:lstStyle/>
        <a:p>
          <a:endParaRPr lang="LID4096"/>
        </a:p>
      </dgm:t>
    </dgm:pt>
    <dgm:pt modelId="{B74BE1E0-29EA-4794-AEA1-06170F74D664}" type="sibTrans" cxnId="{E53B0386-CCEF-4757-A4D4-47E2C65E7DA0}">
      <dgm:prSet/>
      <dgm:spPr/>
      <dgm:t>
        <a:bodyPr/>
        <a:lstStyle/>
        <a:p>
          <a:endParaRPr lang="LID4096"/>
        </a:p>
      </dgm:t>
    </dgm:pt>
    <dgm:pt modelId="{45D0DC19-D1D7-4F16-9F0A-6347476D905A}">
      <dgm:prSet phldrT="[Text]"/>
      <dgm:spPr/>
      <dgm:t>
        <a:bodyPr/>
        <a:lstStyle/>
        <a:p>
          <a:r>
            <a:rPr lang="es-MX"/>
            <a:t>PIC Microcontroller: An Introduction to Software &amp; Hardware Interfacing - Huang</a:t>
          </a:r>
          <a:endParaRPr lang="LID4096"/>
        </a:p>
      </dgm:t>
    </dgm:pt>
    <dgm:pt modelId="{268FA886-8BB2-43EF-8D74-ECB90619BF1E}" type="parTrans" cxnId="{84E13D58-6370-4F0E-953E-7DCD12C1FCD8}">
      <dgm:prSet/>
      <dgm:spPr/>
      <dgm:t>
        <a:bodyPr/>
        <a:lstStyle/>
        <a:p>
          <a:endParaRPr lang="LID4096"/>
        </a:p>
      </dgm:t>
    </dgm:pt>
    <dgm:pt modelId="{5E8AB4F8-4C8B-4680-B0C5-FBCDB7203640}" type="sibTrans" cxnId="{84E13D58-6370-4F0E-953E-7DCD12C1FCD8}">
      <dgm:prSet/>
      <dgm:spPr/>
      <dgm:t>
        <a:bodyPr/>
        <a:lstStyle/>
        <a:p>
          <a:endParaRPr lang="LID4096"/>
        </a:p>
      </dgm:t>
    </dgm:pt>
    <dgm:pt modelId="{A8CA3E49-7AA0-4335-9033-D5AB168C8BDC}">
      <dgm:prSet phldrT="[Text]"/>
      <dgm:spPr/>
      <dgm:t>
        <a:bodyPr/>
        <a:lstStyle/>
        <a:p>
          <a:r>
            <a:rPr lang="es-MX"/>
            <a:t>PIC18F57Q43 Datasheet</a:t>
          </a:r>
          <a:endParaRPr lang="LID4096"/>
        </a:p>
      </dgm:t>
    </dgm:pt>
    <dgm:pt modelId="{D90EFF3C-418A-4CD2-A11D-A897514A04F7}" type="parTrans" cxnId="{DD5C177D-D2D8-431B-9D8A-83F64E825EE1}">
      <dgm:prSet/>
      <dgm:spPr/>
      <dgm:t>
        <a:bodyPr/>
        <a:lstStyle/>
        <a:p>
          <a:endParaRPr lang="LID4096"/>
        </a:p>
      </dgm:t>
    </dgm:pt>
    <dgm:pt modelId="{A4211868-ADD6-4548-9E5B-C38FFD24B5B3}" type="sibTrans" cxnId="{DD5C177D-D2D8-431B-9D8A-83F64E825EE1}">
      <dgm:prSet/>
      <dgm:spPr/>
      <dgm:t>
        <a:bodyPr/>
        <a:lstStyle/>
        <a:p>
          <a:endParaRPr lang="LID4096"/>
        </a:p>
      </dgm:t>
    </dgm:pt>
    <dgm:pt modelId="{2B2765D5-A26E-4008-84B5-0F2D1882F9CD}">
      <dgm:prSet phldrT="[Text]"/>
      <dgm:spPr/>
      <dgm:t>
        <a:bodyPr/>
        <a:lstStyle/>
        <a:p>
          <a:r>
            <a:rPr lang="es-MX"/>
            <a:t>CURIOSITY NANO PIC18F57Q43 User Guide</a:t>
          </a:r>
          <a:endParaRPr lang="LID4096"/>
        </a:p>
      </dgm:t>
    </dgm:pt>
    <dgm:pt modelId="{ED87AFA7-6EDF-42DA-9B7D-E03B226AA16F}" type="parTrans" cxnId="{B267874D-785C-458A-AEA7-DB0E27C75B5E}">
      <dgm:prSet/>
      <dgm:spPr/>
      <dgm:t>
        <a:bodyPr/>
        <a:lstStyle/>
        <a:p>
          <a:endParaRPr lang="LID4096"/>
        </a:p>
      </dgm:t>
    </dgm:pt>
    <dgm:pt modelId="{72D9ECF5-A473-4D9E-BE58-BA9891551085}" type="sibTrans" cxnId="{B267874D-785C-458A-AEA7-DB0E27C75B5E}">
      <dgm:prSet/>
      <dgm:spPr/>
      <dgm:t>
        <a:bodyPr/>
        <a:lstStyle/>
        <a:p>
          <a:endParaRPr lang="LID4096"/>
        </a:p>
      </dgm:t>
    </dgm:pt>
    <dgm:pt modelId="{472F1EFF-7701-4A73-A707-DB6DC523F744}">
      <dgm:prSet/>
      <dgm:spPr/>
      <dgm:t>
        <a:bodyPr/>
        <a:lstStyle/>
        <a:p>
          <a:r>
            <a:rPr lang="es-MX"/>
            <a:t>Slack</a:t>
          </a:r>
          <a:endParaRPr lang="LID4096"/>
        </a:p>
      </dgm:t>
    </dgm:pt>
    <dgm:pt modelId="{8D967909-8074-4500-945B-44A4D5767DAD}" type="parTrans" cxnId="{799F232F-0DD4-47C4-B7D7-562499937893}">
      <dgm:prSet/>
      <dgm:spPr/>
      <dgm:t>
        <a:bodyPr/>
        <a:lstStyle/>
        <a:p>
          <a:endParaRPr lang="LID4096"/>
        </a:p>
      </dgm:t>
    </dgm:pt>
    <dgm:pt modelId="{DB4ED4DE-17A5-4433-818B-EDE5BBD85102}" type="sibTrans" cxnId="{799F232F-0DD4-47C4-B7D7-562499937893}">
      <dgm:prSet/>
      <dgm:spPr/>
      <dgm:t>
        <a:bodyPr/>
        <a:lstStyle/>
        <a:p>
          <a:endParaRPr lang="LID4096"/>
        </a:p>
      </dgm:t>
    </dgm:pt>
    <dgm:pt modelId="{467BE391-B987-4AEC-9B2D-C697410A44A4}">
      <dgm:prSet/>
      <dgm:spPr/>
      <dgm:t>
        <a:bodyPr/>
        <a:lstStyle/>
        <a:p>
          <a:r>
            <a:rPr lang="es-MX"/>
            <a:t>Group Communications</a:t>
          </a:r>
          <a:endParaRPr lang="LID4096"/>
        </a:p>
      </dgm:t>
    </dgm:pt>
    <dgm:pt modelId="{3EDFBF31-5E52-4678-A75B-286DED2C3034}" type="parTrans" cxnId="{D850936D-8B8F-4C59-8C30-4F839D23250B}">
      <dgm:prSet/>
      <dgm:spPr/>
      <dgm:t>
        <a:bodyPr/>
        <a:lstStyle/>
        <a:p>
          <a:endParaRPr lang="LID4096"/>
        </a:p>
      </dgm:t>
    </dgm:pt>
    <dgm:pt modelId="{A8DC9653-944A-40C5-9AFA-E2119BC01531}" type="sibTrans" cxnId="{D850936D-8B8F-4C59-8C30-4F839D23250B}">
      <dgm:prSet/>
      <dgm:spPr/>
      <dgm:t>
        <a:bodyPr/>
        <a:lstStyle/>
        <a:p>
          <a:endParaRPr lang="LID4096"/>
        </a:p>
      </dgm:t>
    </dgm:pt>
    <dgm:pt modelId="{032F99D6-0496-478B-9DE7-D7A63EF2B0BD}">
      <dgm:prSet/>
      <dgm:spPr/>
      <dgm:t>
        <a:bodyPr/>
        <a:lstStyle/>
        <a:p>
          <a:r>
            <a:rPr lang="es-MX"/>
            <a:t>Questions &amp; Queries</a:t>
          </a:r>
          <a:endParaRPr lang="LID4096"/>
        </a:p>
      </dgm:t>
    </dgm:pt>
    <dgm:pt modelId="{2443D46C-96BC-4F0B-8289-613B53507D89}" type="parTrans" cxnId="{41C5E442-B2B6-4D1C-93E7-7DB902D4F8D0}">
      <dgm:prSet/>
      <dgm:spPr/>
      <dgm:t>
        <a:bodyPr/>
        <a:lstStyle/>
        <a:p>
          <a:endParaRPr lang="LID4096"/>
        </a:p>
      </dgm:t>
    </dgm:pt>
    <dgm:pt modelId="{D5A63EF3-5525-450F-9037-1D83CA5CF9A6}" type="sibTrans" cxnId="{41C5E442-B2B6-4D1C-93E7-7DB902D4F8D0}">
      <dgm:prSet/>
      <dgm:spPr/>
      <dgm:t>
        <a:bodyPr/>
        <a:lstStyle/>
        <a:p>
          <a:endParaRPr lang="LID4096"/>
        </a:p>
      </dgm:t>
    </dgm:pt>
    <dgm:pt modelId="{6EF742D5-EA50-4A2B-8377-C20407FF05AB}">
      <dgm:prSet/>
      <dgm:spPr/>
      <dgm:t>
        <a:bodyPr/>
        <a:lstStyle/>
        <a:p>
          <a:r>
            <a:rPr lang="es-MX"/>
            <a:t>File sharing</a:t>
          </a:r>
          <a:endParaRPr lang="LID4096"/>
        </a:p>
      </dgm:t>
    </dgm:pt>
    <dgm:pt modelId="{34E0574A-C0B0-4A28-AE01-E9D604E17D57}" type="parTrans" cxnId="{77C4DA8F-8FA0-4E91-BB78-83F8763B6671}">
      <dgm:prSet/>
      <dgm:spPr/>
      <dgm:t>
        <a:bodyPr/>
        <a:lstStyle/>
        <a:p>
          <a:endParaRPr lang="LID4096"/>
        </a:p>
      </dgm:t>
    </dgm:pt>
    <dgm:pt modelId="{6E48F8A9-E43E-4CA8-BBCA-E13E8C433A83}" type="sibTrans" cxnId="{77C4DA8F-8FA0-4E91-BB78-83F8763B6671}">
      <dgm:prSet/>
      <dgm:spPr/>
      <dgm:t>
        <a:bodyPr/>
        <a:lstStyle/>
        <a:p>
          <a:endParaRPr lang="LID4096"/>
        </a:p>
      </dgm:t>
    </dgm:pt>
    <dgm:pt modelId="{7E662A16-DC62-498C-8312-B8719DBEF442}">
      <dgm:prSet/>
      <dgm:spPr/>
      <dgm:t>
        <a:bodyPr/>
        <a:lstStyle/>
        <a:p>
          <a:r>
            <a:rPr lang="es-MX"/>
            <a:t>Team channels</a:t>
          </a:r>
          <a:endParaRPr lang="LID4096"/>
        </a:p>
      </dgm:t>
    </dgm:pt>
    <dgm:pt modelId="{D80D9F05-4243-4322-A5F9-E6A850C69581}" type="parTrans" cxnId="{95D31391-1D04-41D3-8BF6-1C61DE338CBB}">
      <dgm:prSet/>
      <dgm:spPr/>
      <dgm:t>
        <a:bodyPr/>
        <a:lstStyle/>
        <a:p>
          <a:endParaRPr lang="LID4096"/>
        </a:p>
      </dgm:t>
    </dgm:pt>
    <dgm:pt modelId="{ECBF4BDE-B3D6-47BB-8239-3821EA35BF65}" type="sibTrans" cxnId="{95D31391-1D04-41D3-8BF6-1C61DE338CBB}">
      <dgm:prSet/>
      <dgm:spPr/>
      <dgm:t>
        <a:bodyPr/>
        <a:lstStyle/>
        <a:p>
          <a:endParaRPr lang="LID4096"/>
        </a:p>
      </dgm:t>
    </dgm:pt>
    <dgm:pt modelId="{1CFD2CC2-3DAF-4742-A686-D2F1B5AF4453}" type="pres">
      <dgm:prSet presAssocID="{DC53CB44-2F73-4241-9EFC-77C005AA908C}" presName="linearFlow" presStyleCnt="0">
        <dgm:presLayoutVars>
          <dgm:dir/>
          <dgm:animLvl val="lvl"/>
          <dgm:resizeHandles/>
        </dgm:presLayoutVars>
      </dgm:prSet>
      <dgm:spPr/>
    </dgm:pt>
    <dgm:pt modelId="{98F5C016-6E35-405D-A9DA-25B7F1F868E9}" type="pres">
      <dgm:prSet presAssocID="{B6FD6160-8B51-46C8-AEAD-619A018E8970}" presName="compositeNode" presStyleCnt="0">
        <dgm:presLayoutVars>
          <dgm:bulletEnabled val="1"/>
        </dgm:presLayoutVars>
      </dgm:prSet>
      <dgm:spPr/>
    </dgm:pt>
    <dgm:pt modelId="{1428D7F0-BD2F-4530-8A7A-167E80DE8F8F}" type="pres">
      <dgm:prSet presAssocID="{B6FD6160-8B51-46C8-AEAD-619A018E8970}" presName="image" presStyleLbl="fgImgPlace1" presStyleIdx="0" presStyleCnt="5"/>
      <dgm:spPr>
        <a:blipFill rotWithShape="1">
          <a:blip xmlns:r="http://schemas.openxmlformats.org/officeDocument/2006/relationships" r:embed="rId1"/>
          <a:srcRect/>
          <a:stretch>
            <a:fillRect/>
          </a:stretch>
        </a:blipFill>
      </dgm:spPr>
    </dgm:pt>
    <dgm:pt modelId="{94AB9B0A-4835-4E75-80EA-3CCC950A95BB}" type="pres">
      <dgm:prSet presAssocID="{B6FD6160-8B51-46C8-AEAD-619A018E8970}" presName="childNode" presStyleLbl="node1" presStyleIdx="0" presStyleCnt="5">
        <dgm:presLayoutVars>
          <dgm:bulletEnabled val="1"/>
        </dgm:presLayoutVars>
      </dgm:prSet>
      <dgm:spPr/>
    </dgm:pt>
    <dgm:pt modelId="{8D633079-8B29-4322-B6ED-C489DC842E54}" type="pres">
      <dgm:prSet presAssocID="{B6FD6160-8B51-46C8-AEAD-619A018E8970}" presName="parentNode" presStyleLbl="revTx" presStyleIdx="0" presStyleCnt="5">
        <dgm:presLayoutVars>
          <dgm:chMax val="0"/>
          <dgm:bulletEnabled val="1"/>
        </dgm:presLayoutVars>
      </dgm:prSet>
      <dgm:spPr/>
    </dgm:pt>
    <dgm:pt modelId="{07AA07D8-0BE5-4D47-80EC-87B7F50D8356}" type="pres">
      <dgm:prSet presAssocID="{06837629-521E-4CED-87AA-9812B1EBD56E}" presName="sibTrans" presStyleCnt="0"/>
      <dgm:spPr/>
    </dgm:pt>
    <dgm:pt modelId="{5B281346-B4AA-435C-B727-268A85A71913}" type="pres">
      <dgm:prSet presAssocID="{797EE010-E377-47C1-8EE7-3910D5802074}" presName="compositeNode" presStyleCnt="0">
        <dgm:presLayoutVars>
          <dgm:bulletEnabled val="1"/>
        </dgm:presLayoutVars>
      </dgm:prSet>
      <dgm:spPr/>
    </dgm:pt>
    <dgm:pt modelId="{42F0D9B5-FED7-4163-BF40-0D69EEC5DB13}" type="pres">
      <dgm:prSet presAssocID="{797EE010-E377-47C1-8EE7-3910D5802074}" presName="image" presStyleLbl="fgImgPlace1" presStyleIdx="1" presStyleCnt="5"/>
      <dgm:spPr>
        <a:blipFill rotWithShape="1">
          <a:blip xmlns:r="http://schemas.openxmlformats.org/officeDocument/2006/relationships" r:embed="rId2"/>
          <a:srcRect/>
          <a:stretch>
            <a:fillRect l="-7000" r="-7000"/>
          </a:stretch>
        </a:blipFill>
      </dgm:spPr>
    </dgm:pt>
    <dgm:pt modelId="{70CD2C8C-CCE6-4AC2-B172-DBA0A14486E6}" type="pres">
      <dgm:prSet presAssocID="{797EE010-E377-47C1-8EE7-3910D5802074}" presName="childNode" presStyleLbl="node1" presStyleIdx="1" presStyleCnt="5">
        <dgm:presLayoutVars>
          <dgm:bulletEnabled val="1"/>
        </dgm:presLayoutVars>
      </dgm:prSet>
      <dgm:spPr/>
    </dgm:pt>
    <dgm:pt modelId="{52B3E40F-BDDE-4DEC-948E-310956A7A111}" type="pres">
      <dgm:prSet presAssocID="{797EE010-E377-47C1-8EE7-3910D5802074}" presName="parentNode" presStyleLbl="revTx" presStyleIdx="1" presStyleCnt="5">
        <dgm:presLayoutVars>
          <dgm:chMax val="0"/>
          <dgm:bulletEnabled val="1"/>
        </dgm:presLayoutVars>
      </dgm:prSet>
      <dgm:spPr/>
    </dgm:pt>
    <dgm:pt modelId="{3C2993F1-E9B0-49E9-A0FF-1F4D408CA2F5}" type="pres">
      <dgm:prSet presAssocID="{EA9CA6D9-1C05-4D39-8894-1F7CE1EED3CD}" presName="sibTrans" presStyleCnt="0"/>
      <dgm:spPr/>
    </dgm:pt>
    <dgm:pt modelId="{4532F88C-7864-4486-82FF-26619DAEB353}" type="pres">
      <dgm:prSet presAssocID="{D7FCE3E0-2769-4A86-9D1C-0A15C94C6406}" presName="compositeNode" presStyleCnt="0">
        <dgm:presLayoutVars>
          <dgm:bulletEnabled val="1"/>
        </dgm:presLayoutVars>
      </dgm:prSet>
      <dgm:spPr/>
    </dgm:pt>
    <dgm:pt modelId="{F730CFF1-F378-439A-8F9B-D4069FB43811}" type="pres">
      <dgm:prSet presAssocID="{D7FCE3E0-2769-4A86-9D1C-0A15C94C6406}" presName="image" presStyleLbl="fgImgPlace1" presStyleIdx="2" presStyleCnt="5"/>
      <dgm:spPr>
        <a:blipFill rotWithShape="1">
          <a:blip xmlns:r="http://schemas.openxmlformats.org/officeDocument/2006/relationships" r:embed="rId3"/>
          <a:srcRect/>
          <a:stretch>
            <a:fillRect l="-10000" r="-10000"/>
          </a:stretch>
        </a:blipFill>
      </dgm:spPr>
    </dgm:pt>
    <dgm:pt modelId="{7A4F8529-FCD0-40FB-A4C6-E8CE7DD70DE0}" type="pres">
      <dgm:prSet presAssocID="{D7FCE3E0-2769-4A86-9D1C-0A15C94C6406}" presName="childNode" presStyleLbl="node1" presStyleIdx="2" presStyleCnt="5">
        <dgm:presLayoutVars>
          <dgm:bulletEnabled val="1"/>
        </dgm:presLayoutVars>
      </dgm:prSet>
      <dgm:spPr/>
    </dgm:pt>
    <dgm:pt modelId="{DB1F55E7-612F-47B3-824D-69C87F8A5BCB}" type="pres">
      <dgm:prSet presAssocID="{D7FCE3E0-2769-4A86-9D1C-0A15C94C6406}" presName="parentNode" presStyleLbl="revTx" presStyleIdx="2" presStyleCnt="5">
        <dgm:presLayoutVars>
          <dgm:chMax val="0"/>
          <dgm:bulletEnabled val="1"/>
        </dgm:presLayoutVars>
      </dgm:prSet>
      <dgm:spPr/>
    </dgm:pt>
    <dgm:pt modelId="{8A6C36CD-840C-4A8D-8A92-7FC6625E0123}" type="pres">
      <dgm:prSet presAssocID="{4D4244AF-7493-4567-A41A-CD7EEE601F80}" presName="sibTrans" presStyleCnt="0"/>
      <dgm:spPr/>
    </dgm:pt>
    <dgm:pt modelId="{57A00598-01AF-4E00-944F-2EBEABB5A043}" type="pres">
      <dgm:prSet presAssocID="{A1F46648-1332-476F-A320-2A65017C7425}" presName="compositeNode" presStyleCnt="0">
        <dgm:presLayoutVars>
          <dgm:bulletEnabled val="1"/>
        </dgm:presLayoutVars>
      </dgm:prSet>
      <dgm:spPr/>
    </dgm:pt>
    <dgm:pt modelId="{DE57B199-2416-43FD-B8B8-A3172867F53A}" type="pres">
      <dgm:prSet presAssocID="{A1F46648-1332-476F-A320-2A65017C7425}" presName="image" presStyleLbl="fgImgPlace1" presStyleIdx="3" presStyleCnt="5"/>
      <dgm:spPr>
        <a:blipFill dpi="0" rotWithShape="1">
          <a:blip xmlns:r="http://schemas.openxmlformats.org/officeDocument/2006/relationships"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</dgm:spPr>
    </dgm:pt>
    <dgm:pt modelId="{29869B66-2A22-4C8E-84CF-74373399C947}" type="pres">
      <dgm:prSet presAssocID="{A1F46648-1332-476F-A320-2A65017C7425}" presName="childNode" presStyleLbl="node1" presStyleIdx="3" presStyleCnt="5">
        <dgm:presLayoutVars>
          <dgm:bulletEnabled val="1"/>
        </dgm:presLayoutVars>
      </dgm:prSet>
      <dgm:spPr/>
    </dgm:pt>
    <dgm:pt modelId="{C769C8B0-0A63-41CD-82C2-717B70157D7D}" type="pres">
      <dgm:prSet presAssocID="{A1F46648-1332-476F-A320-2A65017C7425}" presName="parentNode" presStyleLbl="revTx" presStyleIdx="3" presStyleCnt="5">
        <dgm:presLayoutVars>
          <dgm:chMax val="0"/>
          <dgm:bulletEnabled val="1"/>
        </dgm:presLayoutVars>
      </dgm:prSet>
      <dgm:spPr/>
    </dgm:pt>
    <dgm:pt modelId="{216A969D-D7B9-4A55-BA23-FB14798072F6}" type="pres">
      <dgm:prSet presAssocID="{03C11195-D22E-48C4-9AD5-0E98063BAC49}" presName="sibTrans" presStyleCnt="0"/>
      <dgm:spPr/>
    </dgm:pt>
    <dgm:pt modelId="{4047A9E6-967B-427C-86EA-EEB352CB7D72}" type="pres">
      <dgm:prSet presAssocID="{472F1EFF-7701-4A73-A707-DB6DC523F744}" presName="compositeNode" presStyleCnt="0">
        <dgm:presLayoutVars>
          <dgm:bulletEnabled val="1"/>
        </dgm:presLayoutVars>
      </dgm:prSet>
      <dgm:spPr/>
    </dgm:pt>
    <dgm:pt modelId="{1996C72E-12D3-412D-93A0-BF6234E21430}" type="pres">
      <dgm:prSet presAssocID="{472F1EFF-7701-4A73-A707-DB6DC523F744}" presName="image" presStyleLbl="fgImgPlace1" presStyleIdx="4" presStyleCnt="5"/>
      <dgm:spPr>
        <a:blipFill rotWithShape="1"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</dgm:spPr>
    </dgm:pt>
    <dgm:pt modelId="{25D0E48B-164F-4D83-9DCD-3A95D9A1CF18}" type="pres">
      <dgm:prSet presAssocID="{472F1EFF-7701-4A73-A707-DB6DC523F744}" presName="childNode" presStyleLbl="node1" presStyleIdx="4" presStyleCnt="5">
        <dgm:presLayoutVars>
          <dgm:bulletEnabled val="1"/>
        </dgm:presLayoutVars>
      </dgm:prSet>
      <dgm:spPr/>
    </dgm:pt>
    <dgm:pt modelId="{12FF83BF-7CC7-44D2-A685-F5FA04F9570A}" type="pres">
      <dgm:prSet presAssocID="{472F1EFF-7701-4A73-A707-DB6DC523F744}" presName="parentNode" presStyleLbl="revTx" presStyleIdx="4" presStyleCnt="5">
        <dgm:presLayoutVars>
          <dgm:chMax val="0"/>
          <dgm:bulletEnabled val="1"/>
        </dgm:presLayoutVars>
      </dgm:prSet>
      <dgm:spPr/>
    </dgm:pt>
  </dgm:ptLst>
  <dgm:cxnLst>
    <dgm:cxn modelId="{A17A8301-83A8-4DD4-AA7C-27C770D2F559}" type="presOf" srcId="{5F9641C2-F576-4444-9B00-616485421A6B}" destId="{70CD2C8C-CCE6-4AC2-B172-DBA0A14486E6}" srcOrd="0" destOrd="3" presId="urn:microsoft.com/office/officeart/2005/8/layout/hList2"/>
    <dgm:cxn modelId="{B857270F-5153-47E6-B668-BE8AB7E94492}" type="presOf" srcId="{335F9067-CAFD-4D53-98B0-34BA76530704}" destId="{29869B66-2A22-4C8E-84CF-74373399C947}" srcOrd="0" destOrd="1" presId="urn:microsoft.com/office/officeart/2005/8/layout/hList2"/>
    <dgm:cxn modelId="{4EEE380F-C1C3-47B9-BD02-604B7F0EDA4A}" type="presOf" srcId="{5DC6E30F-A20B-4A50-A01F-54132D3CE9CC}" destId="{7A4F8529-FCD0-40FB-A4C6-E8CE7DD70DE0}" srcOrd="0" destOrd="0" presId="urn:microsoft.com/office/officeart/2005/8/layout/hList2"/>
    <dgm:cxn modelId="{B4A0FA0F-5AC8-48E3-B0E0-92F8E58B5D1E}" srcId="{D7FCE3E0-2769-4A86-9D1C-0A15C94C6406}" destId="{5DC6E30F-A20B-4A50-A01F-54132D3CE9CC}" srcOrd="0" destOrd="0" parTransId="{D8D24227-2F7C-43D4-A639-F3B20E886878}" sibTransId="{7B7A2A1E-D48D-4DD3-B345-409B24519D31}"/>
    <dgm:cxn modelId="{DF2FFF0F-8DC5-4D7B-AFF7-ED60F470AC97}" srcId="{B6FD6160-8B51-46C8-AEAD-619A018E8970}" destId="{21D55FA8-2A13-4CB3-8E47-7A1639687BB8}" srcOrd="1" destOrd="0" parTransId="{A062D2BF-6DE5-4416-9F5B-A1E5E1826408}" sibTransId="{C7AFE569-0847-47C7-A2E0-08417D2A330A}"/>
    <dgm:cxn modelId="{1007E418-63D9-4DFB-8254-8EB48147D37B}" type="presOf" srcId="{45D0DC19-D1D7-4F16-9F0A-6347476D905A}" destId="{70CD2C8C-CCE6-4AC2-B172-DBA0A14486E6}" srcOrd="0" destOrd="0" presId="urn:microsoft.com/office/officeart/2005/8/layout/hList2"/>
    <dgm:cxn modelId="{58153A1D-FD9F-4C7A-A0B7-4869CE15E61B}" srcId="{DC53CB44-2F73-4241-9EFC-77C005AA908C}" destId="{B6FD6160-8B51-46C8-AEAD-619A018E8970}" srcOrd="0" destOrd="0" parTransId="{6EF11246-CC5F-459C-BEF7-0E3BF09D4AA9}" sibTransId="{06837629-521E-4CED-87AA-9812B1EBD56E}"/>
    <dgm:cxn modelId="{6DBE9522-EF8A-4B56-862D-ABC1760E49F8}" srcId="{797EE010-E377-47C1-8EE7-3910D5802074}" destId="{5F9641C2-F576-4444-9B00-616485421A6B}" srcOrd="3" destOrd="0" parTransId="{73538624-57A3-45D7-811F-968AB99C4C72}" sibTransId="{949F7095-2FC7-456A-9E8B-763D018BA037}"/>
    <dgm:cxn modelId="{D60D4026-2271-4CBF-B8FF-C0404CC4A5C2}" type="presOf" srcId="{032F99D6-0496-478B-9DE7-D7A63EF2B0BD}" destId="{25D0E48B-164F-4D83-9DCD-3A95D9A1CF18}" srcOrd="0" destOrd="1" presId="urn:microsoft.com/office/officeart/2005/8/layout/hList2"/>
    <dgm:cxn modelId="{BB0FAE29-4421-4F02-9194-1F9E1AD6DEF1}" type="presOf" srcId="{21D87A01-763C-437E-AC01-2B1FEDE77554}" destId="{29869B66-2A22-4C8E-84CF-74373399C947}" srcOrd="0" destOrd="3" presId="urn:microsoft.com/office/officeart/2005/8/layout/hList2"/>
    <dgm:cxn modelId="{01377D2B-B929-48C0-9BFB-4A764E64C852}" type="presOf" srcId="{65757D00-B843-414A-8EBE-5B0C38CA36D9}" destId="{70CD2C8C-CCE6-4AC2-B172-DBA0A14486E6}" srcOrd="0" destOrd="2" presId="urn:microsoft.com/office/officeart/2005/8/layout/hList2"/>
    <dgm:cxn modelId="{799F232F-0DD4-47C4-B7D7-562499937893}" srcId="{DC53CB44-2F73-4241-9EFC-77C005AA908C}" destId="{472F1EFF-7701-4A73-A707-DB6DC523F744}" srcOrd="4" destOrd="0" parTransId="{8D967909-8074-4500-945B-44A4D5767DAD}" sibTransId="{DB4ED4DE-17A5-4433-818B-EDE5BBD85102}"/>
    <dgm:cxn modelId="{6F97BD31-8375-4C90-8FDA-47A27E11BB81}" type="presOf" srcId="{21D55FA8-2A13-4CB3-8E47-7A1639687BB8}" destId="{94AB9B0A-4835-4E75-80EA-3CCC950A95BB}" srcOrd="0" destOrd="1" presId="urn:microsoft.com/office/officeart/2005/8/layout/hList2"/>
    <dgm:cxn modelId="{290CD235-024D-4608-9FA0-6B5D8956447E}" type="presOf" srcId="{179AD561-7B8F-4644-8780-51F1F06821F0}" destId="{29869B66-2A22-4C8E-84CF-74373399C947}" srcOrd="0" destOrd="2" presId="urn:microsoft.com/office/officeart/2005/8/layout/hList2"/>
    <dgm:cxn modelId="{41C5E442-B2B6-4D1C-93E7-7DB902D4F8D0}" srcId="{472F1EFF-7701-4A73-A707-DB6DC523F744}" destId="{032F99D6-0496-478B-9DE7-D7A63EF2B0BD}" srcOrd="1" destOrd="0" parTransId="{2443D46C-96BC-4F0B-8289-613B53507D89}" sibTransId="{D5A63EF3-5525-450F-9037-1D83CA5CF9A6}"/>
    <dgm:cxn modelId="{2B99EE62-04AB-4537-B07A-EA8EC2E33C8A}" type="presOf" srcId="{7E662A16-DC62-498C-8312-B8719DBEF442}" destId="{25D0E48B-164F-4D83-9DCD-3A95D9A1CF18}" srcOrd="0" destOrd="3" presId="urn:microsoft.com/office/officeart/2005/8/layout/hList2"/>
    <dgm:cxn modelId="{6BE92D63-424F-403D-A271-144F486E172F}" type="presOf" srcId="{472F1EFF-7701-4A73-A707-DB6DC523F744}" destId="{12FF83BF-7CC7-44D2-A685-F5FA04F9570A}" srcOrd="0" destOrd="0" presId="urn:microsoft.com/office/officeart/2005/8/layout/hList2"/>
    <dgm:cxn modelId="{F49CDC48-FD4D-4A68-B8B3-C7FD559A4238}" srcId="{A1F46648-1332-476F-A320-2A65017C7425}" destId="{F65552E3-1D67-4B5C-A59E-4A3DEFDCB1F3}" srcOrd="0" destOrd="0" parTransId="{F145BEC4-100B-4731-8F25-F8861EE5F1ED}" sibTransId="{767F75D7-48FB-4923-9DA5-74BBF18EEE4C}"/>
    <dgm:cxn modelId="{AE7E2A4A-3DDF-4975-935F-F26355611E92}" type="presOf" srcId="{F7BA30C8-3AC0-4D14-A023-4464C62458CB}" destId="{94AB9B0A-4835-4E75-80EA-3CCC950A95BB}" srcOrd="0" destOrd="0" presId="urn:microsoft.com/office/officeart/2005/8/layout/hList2"/>
    <dgm:cxn modelId="{B267874D-785C-458A-AEA7-DB0E27C75B5E}" srcId="{D7FCE3E0-2769-4A86-9D1C-0A15C94C6406}" destId="{2B2765D5-A26E-4008-84B5-0F2D1882F9CD}" srcOrd="3" destOrd="0" parTransId="{ED87AFA7-6EDF-42DA-9B7D-E03B226AA16F}" sibTransId="{72D9ECF5-A473-4D9E-BE58-BA9891551085}"/>
    <dgm:cxn modelId="{D850936D-8B8F-4C59-8C30-4F839D23250B}" srcId="{472F1EFF-7701-4A73-A707-DB6DC523F744}" destId="{467BE391-B987-4AEC-9B2D-C697410A44A4}" srcOrd="0" destOrd="0" parTransId="{3EDFBF31-5E52-4678-A75B-286DED2C3034}" sibTransId="{A8DC9653-944A-40C5-9AFA-E2119BC01531}"/>
    <dgm:cxn modelId="{8A2FA86D-9866-4490-AAFD-4336D04C8BC7}" type="presOf" srcId="{9EF892C4-D0EC-406F-B7AB-5C2BDEEE0BC7}" destId="{70CD2C8C-CCE6-4AC2-B172-DBA0A14486E6}" srcOrd="0" destOrd="1" presId="urn:microsoft.com/office/officeart/2005/8/layout/hList2"/>
    <dgm:cxn modelId="{DB2AB86D-1601-4FB2-A40E-C1C5A0DC444E}" srcId="{A1F46648-1332-476F-A320-2A65017C7425}" destId="{335F9067-CAFD-4D53-98B0-34BA76530704}" srcOrd="1" destOrd="0" parTransId="{179CE56D-DB0A-4060-9F6B-12A95FECD337}" sibTransId="{95C11222-D053-48AA-8064-EF27AFDC2F42}"/>
    <dgm:cxn modelId="{49B6E76F-0B45-4052-A3B4-C73E99528F6F}" type="presOf" srcId="{797EE010-E377-47C1-8EE7-3910D5802074}" destId="{52B3E40F-BDDE-4DEC-948E-310956A7A111}" srcOrd="0" destOrd="0" presId="urn:microsoft.com/office/officeart/2005/8/layout/hList2"/>
    <dgm:cxn modelId="{AC559C70-2A70-4E26-8DE5-BFE051C294FE}" srcId="{DC53CB44-2F73-4241-9EFC-77C005AA908C}" destId="{797EE010-E377-47C1-8EE7-3910D5802074}" srcOrd="1" destOrd="0" parTransId="{2C558698-B16A-42AC-9509-7A5D0A1AD309}" sibTransId="{EA9CA6D9-1C05-4D39-8894-1F7CE1EED3CD}"/>
    <dgm:cxn modelId="{13B58F52-F601-4139-AF19-B1C485651E6D}" type="presOf" srcId="{6EF742D5-EA50-4A2B-8377-C20407FF05AB}" destId="{25D0E48B-164F-4D83-9DCD-3A95D9A1CF18}" srcOrd="0" destOrd="2" presId="urn:microsoft.com/office/officeart/2005/8/layout/hList2"/>
    <dgm:cxn modelId="{97ECCC52-A655-4684-91F6-DA1E3008ADBC}" type="presOf" srcId="{DC53CB44-2F73-4241-9EFC-77C005AA908C}" destId="{1CFD2CC2-3DAF-4742-A686-D2F1B5AF4453}" srcOrd="0" destOrd="0" presId="urn:microsoft.com/office/officeart/2005/8/layout/hList2"/>
    <dgm:cxn modelId="{72F7CD72-5E86-4C76-9126-9632D80F8760}" srcId="{D7FCE3E0-2769-4A86-9D1C-0A15C94C6406}" destId="{4ADA1C25-0C7D-4896-8942-B63C9C0E342A}" srcOrd="1" destOrd="0" parTransId="{5E0FA26B-4F02-4135-9A58-3906AFEC1A55}" sibTransId="{0F37C26E-A7D0-4B3F-8840-FA86688D7B93}"/>
    <dgm:cxn modelId="{8AD24A74-5AE2-40F3-B992-672B740D0573}" type="presOf" srcId="{A8CA3E49-7AA0-4335-9033-D5AB168C8BDC}" destId="{7A4F8529-FCD0-40FB-A4C6-E8CE7DD70DE0}" srcOrd="0" destOrd="2" presId="urn:microsoft.com/office/officeart/2005/8/layout/hList2"/>
    <dgm:cxn modelId="{84E13D58-6370-4F0E-953E-7DCD12C1FCD8}" srcId="{797EE010-E377-47C1-8EE7-3910D5802074}" destId="{45D0DC19-D1D7-4F16-9F0A-6347476D905A}" srcOrd="0" destOrd="0" parTransId="{268FA886-8BB2-43EF-8D74-ECB90619BF1E}" sibTransId="{5E8AB4F8-4C8B-4680-B0C5-FBCDB7203640}"/>
    <dgm:cxn modelId="{CD3D0459-9C98-477F-ADD8-287D5F5FE37E}" type="presOf" srcId="{A1F46648-1332-476F-A320-2A65017C7425}" destId="{C769C8B0-0A63-41CD-82C2-717B70157D7D}" srcOrd="0" destOrd="0" presId="urn:microsoft.com/office/officeart/2005/8/layout/hList2"/>
    <dgm:cxn modelId="{298D0959-82F9-41F6-9028-B09548CBAD24}" srcId="{B6FD6160-8B51-46C8-AEAD-619A018E8970}" destId="{F7BA30C8-3AC0-4D14-A023-4464C62458CB}" srcOrd="0" destOrd="0" parTransId="{A0B15A46-E38D-4398-9AE4-2AED84C0AB61}" sibTransId="{8819911A-10CC-4F04-9CD2-FCDAEA6577A3}"/>
    <dgm:cxn modelId="{A2244E59-9F49-4BDE-A38A-DE2277DAFB22}" srcId="{A1F46648-1332-476F-A320-2A65017C7425}" destId="{21D87A01-763C-437E-AC01-2B1FEDE77554}" srcOrd="3" destOrd="0" parTransId="{4F8F70C2-836B-4EF8-A09C-C8D7C71D2346}" sibTransId="{E68159D0-743B-4D2C-A14E-2B802E9B79A3}"/>
    <dgm:cxn modelId="{DD5C177D-D2D8-431B-9D8A-83F64E825EE1}" srcId="{D7FCE3E0-2769-4A86-9D1C-0A15C94C6406}" destId="{A8CA3E49-7AA0-4335-9033-D5AB168C8BDC}" srcOrd="2" destOrd="0" parTransId="{D90EFF3C-418A-4CD2-A11D-A897514A04F7}" sibTransId="{A4211868-ADD6-4548-9E5B-C38FFD24B5B3}"/>
    <dgm:cxn modelId="{2EBF5883-9601-453B-A507-A193062954BB}" type="presOf" srcId="{467BE391-B987-4AEC-9B2D-C697410A44A4}" destId="{25D0E48B-164F-4D83-9DCD-3A95D9A1CF18}" srcOrd="0" destOrd="0" presId="urn:microsoft.com/office/officeart/2005/8/layout/hList2"/>
    <dgm:cxn modelId="{E53B0386-CCEF-4757-A4D4-47E2C65E7DA0}" srcId="{797EE010-E377-47C1-8EE7-3910D5802074}" destId="{9EF892C4-D0EC-406F-B7AB-5C2BDEEE0BC7}" srcOrd="1" destOrd="0" parTransId="{DAD3B163-902E-4D09-B44F-408261078CA4}" sibTransId="{B74BE1E0-29EA-4794-AEA1-06170F74D664}"/>
    <dgm:cxn modelId="{23AA718E-6D7A-420F-9506-1DDDDB493AB8}" type="presOf" srcId="{B6FD6160-8B51-46C8-AEAD-619A018E8970}" destId="{8D633079-8B29-4322-B6ED-C489DC842E54}" srcOrd="0" destOrd="0" presId="urn:microsoft.com/office/officeart/2005/8/layout/hList2"/>
    <dgm:cxn modelId="{77C4DA8F-8FA0-4E91-BB78-83F8763B6671}" srcId="{472F1EFF-7701-4A73-A707-DB6DC523F744}" destId="{6EF742D5-EA50-4A2B-8377-C20407FF05AB}" srcOrd="2" destOrd="0" parTransId="{34E0574A-C0B0-4A28-AE01-E9D604E17D57}" sibTransId="{6E48F8A9-E43E-4CA8-BBCA-E13E8C433A83}"/>
    <dgm:cxn modelId="{95D31391-1D04-41D3-8BF6-1C61DE338CBB}" srcId="{472F1EFF-7701-4A73-A707-DB6DC523F744}" destId="{7E662A16-DC62-498C-8312-B8719DBEF442}" srcOrd="3" destOrd="0" parTransId="{D80D9F05-4243-4322-A5F9-E6A850C69581}" sibTransId="{ECBF4BDE-B3D6-47BB-8239-3821EA35BF65}"/>
    <dgm:cxn modelId="{6E526797-C09E-4ED8-B6F2-FC1C47DE5DEA}" type="presOf" srcId="{2B2765D5-A26E-4008-84B5-0F2D1882F9CD}" destId="{7A4F8529-FCD0-40FB-A4C6-E8CE7DD70DE0}" srcOrd="0" destOrd="3" presId="urn:microsoft.com/office/officeart/2005/8/layout/hList2"/>
    <dgm:cxn modelId="{8AB016A3-67B1-40B1-BC39-4B3B14294E09}" type="presOf" srcId="{F65552E3-1D67-4B5C-A59E-4A3DEFDCB1F3}" destId="{29869B66-2A22-4C8E-84CF-74373399C947}" srcOrd="0" destOrd="0" presId="urn:microsoft.com/office/officeart/2005/8/layout/hList2"/>
    <dgm:cxn modelId="{591C5EA9-69EE-4D5F-8D03-75710D04C1B9}" srcId="{A1F46648-1332-476F-A320-2A65017C7425}" destId="{179AD561-7B8F-4644-8780-51F1F06821F0}" srcOrd="2" destOrd="0" parTransId="{FD62BF0C-EC15-4D70-952E-96A021BFD598}" sibTransId="{1A0934B8-D8DF-4939-BF26-05A6758E561A}"/>
    <dgm:cxn modelId="{75B8ACDA-3F19-40D9-80BB-AEF670C712C9}" srcId="{DC53CB44-2F73-4241-9EFC-77C005AA908C}" destId="{A1F46648-1332-476F-A320-2A65017C7425}" srcOrd="3" destOrd="0" parTransId="{4A091672-DAE6-457D-B945-AE289760D1B4}" sibTransId="{03C11195-D22E-48C4-9AD5-0E98063BAC49}"/>
    <dgm:cxn modelId="{7E2EBDE3-A767-4841-84AB-57F601310653}" type="presOf" srcId="{4ADA1C25-0C7D-4896-8942-B63C9C0E342A}" destId="{7A4F8529-FCD0-40FB-A4C6-E8CE7DD70DE0}" srcOrd="0" destOrd="1" presId="urn:microsoft.com/office/officeart/2005/8/layout/hList2"/>
    <dgm:cxn modelId="{FAE740EA-4BC6-41B3-887D-E40582B9685D}" type="presOf" srcId="{D7FCE3E0-2769-4A86-9D1C-0A15C94C6406}" destId="{DB1F55E7-612F-47B3-824D-69C87F8A5BCB}" srcOrd="0" destOrd="0" presId="urn:microsoft.com/office/officeart/2005/8/layout/hList2"/>
    <dgm:cxn modelId="{9B4CFAF8-A208-4F00-95B1-D40159EC00EA}" srcId="{DC53CB44-2F73-4241-9EFC-77C005AA908C}" destId="{D7FCE3E0-2769-4A86-9D1C-0A15C94C6406}" srcOrd="2" destOrd="0" parTransId="{8AB8A4E9-9D60-4EDC-92A3-B6EA5E1BCCF3}" sibTransId="{4D4244AF-7493-4567-A41A-CD7EEE601F80}"/>
    <dgm:cxn modelId="{BBCC4AFE-1A3D-4DF9-BE49-30EE66C16E28}" srcId="{797EE010-E377-47C1-8EE7-3910D5802074}" destId="{65757D00-B843-414A-8EBE-5B0C38CA36D9}" srcOrd="2" destOrd="0" parTransId="{B4C9F83E-531A-4DC5-B675-6853C35E5E4A}" sibTransId="{8746679A-AD08-4E38-87AD-3086AFB9E118}"/>
    <dgm:cxn modelId="{200A727F-4B40-44AF-AD99-E59349D26A30}" type="presParOf" srcId="{1CFD2CC2-3DAF-4742-A686-D2F1B5AF4453}" destId="{98F5C016-6E35-405D-A9DA-25B7F1F868E9}" srcOrd="0" destOrd="0" presId="urn:microsoft.com/office/officeart/2005/8/layout/hList2"/>
    <dgm:cxn modelId="{110875D7-73D0-4364-819A-2A8DA1D19F38}" type="presParOf" srcId="{98F5C016-6E35-405D-A9DA-25B7F1F868E9}" destId="{1428D7F0-BD2F-4530-8A7A-167E80DE8F8F}" srcOrd="0" destOrd="0" presId="urn:microsoft.com/office/officeart/2005/8/layout/hList2"/>
    <dgm:cxn modelId="{7BBE4231-AAA0-483D-BB78-19DE8A4D7003}" type="presParOf" srcId="{98F5C016-6E35-405D-A9DA-25B7F1F868E9}" destId="{94AB9B0A-4835-4E75-80EA-3CCC950A95BB}" srcOrd="1" destOrd="0" presId="urn:microsoft.com/office/officeart/2005/8/layout/hList2"/>
    <dgm:cxn modelId="{CC0919C0-C05E-4AEC-B0F5-E9891DD6EA0B}" type="presParOf" srcId="{98F5C016-6E35-405D-A9DA-25B7F1F868E9}" destId="{8D633079-8B29-4322-B6ED-C489DC842E54}" srcOrd="2" destOrd="0" presId="urn:microsoft.com/office/officeart/2005/8/layout/hList2"/>
    <dgm:cxn modelId="{71DEE2E7-2B9D-437E-96AA-763E82E8A04F}" type="presParOf" srcId="{1CFD2CC2-3DAF-4742-A686-D2F1B5AF4453}" destId="{07AA07D8-0BE5-4D47-80EC-87B7F50D8356}" srcOrd="1" destOrd="0" presId="urn:microsoft.com/office/officeart/2005/8/layout/hList2"/>
    <dgm:cxn modelId="{AEC8ABF7-E262-415A-ADFF-2F1305BF7374}" type="presParOf" srcId="{1CFD2CC2-3DAF-4742-A686-D2F1B5AF4453}" destId="{5B281346-B4AA-435C-B727-268A85A71913}" srcOrd="2" destOrd="0" presId="urn:microsoft.com/office/officeart/2005/8/layout/hList2"/>
    <dgm:cxn modelId="{A9403FB9-627B-4EF8-B1BD-EBAEC9AE139B}" type="presParOf" srcId="{5B281346-B4AA-435C-B727-268A85A71913}" destId="{42F0D9B5-FED7-4163-BF40-0D69EEC5DB13}" srcOrd="0" destOrd="0" presId="urn:microsoft.com/office/officeart/2005/8/layout/hList2"/>
    <dgm:cxn modelId="{9CCE90B4-2108-4118-9847-E753D0F502FC}" type="presParOf" srcId="{5B281346-B4AA-435C-B727-268A85A71913}" destId="{70CD2C8C-CCE6-4AC2-B172-DBA0A14486E6}" srcOrd="1" destOrd="0" presId="urn:microsoft.com/office/officeart/2005/8/layout/hList2"/>
    <dgm:cxn modelId="{A9F63D84-86D6-42DF-9360-8A119D470634}" type="presParOf" srcId="{5B281346-B4AA-435C-B727-268A85A71913}" destId="{52B3E40F-BDDE-4DEC-948E-310956A7A111}" srcOrd="2" destOrd="0" presId="urn:microsoft.com/office/officeart/2005/8/layout/hList2"/>
    <dgm:cxn modelId="{F53D161A-6BF5-49BA-86BF-4B9D8FB4A1FA}" type="presParOf" srcId="{1CFD2CC2-3DAF-4742-A686-D2F1B5AF4453}" destId="{3C2993F1-E9B0-49E9-A0FF-1F4D408CA2F5}" srcOrd="3" destOrd="0" presId="urn:microsoft.com/office/officeart/2005/8/layout/hList2"/>
    <dgm:cxn modelId="{4432F143-F4B2-4997-BC9E-0EF980A7B12C}" type="presParOf" srcId="{1CFD2CC2-3DAF-4742-A686-D2F1B5AF4453}" destId="{4532F88C-7864-4486-82FF-26619DAEB353}" srcOrd="4" destOrd="0" presId="urn:microsoft.com/office/officeart/2005/8/layout/hList2"/>
    <dgm:cxn modelId="{0C81604C-7A40-4114-9613-D4AABB7C4297}" type="presParOf" srcId="{4532F88C-7864-4486-82FF-26619DAEB353}" destId="{F730CFF1-F378-439A-8F9B-D4069FB43811}" srcOrd="0" destOrd="0" presId="urn:microsoft.com/office/officeart/2005/8/layout/hList2"/>
    <dgm:cxn modelId="{E306CBFD-6DB5-4541-AF01-B868E13FFD54}" type="presParOf" srcId="{4532F88C-7864-4486-82FF-26619DAEB353}" destId="{7A4F8529-FCD0-40FB-A4C6-E8CE7DD70DE0}" srcOrd="1" destOrd="0" presId="urn:microsoft.com/office/officeart/2005/8/layout/hList2"/>
    <dgm:cxn modelId="{6E05EC75-1460-4FE8-B8FE-D55B36505B14}" type="presParOf" srcId="{4532F88C-7864-4486-82FF-26619DAEB353}" destId="{DB1F55E7-612F-47B3-824D-69C87F8A5BCB}" srcOrd="2" destOrd="0" presId="urn:microsoft.com/office/officeart/2005/8/layout/hList2"/>
    <dgm:cxn modelId="{0FF55C8A-0271-4A5E-84C7-63DC08C65F34}" type="presParOf" srcId="{1CFD2CC2-3DAF-4742-A686-D2F1B5AF4453}" destId="{8A6C36CD-840C-4A8D-8A92-7FC6625E0123}" srcOrd="5" destOrd="0" presId="urn:microsoft.com/office/officeart/2005/8/layout/hList2"/>
    <dgm:cxn modelId="{9908FCFA-255D-4E55-84BC-56A6516FE754}" type="presParOf" srcId="{1CFD2CC2-3DAF-4742-A686-D2F1B5AF4453}" destId="{57A00598-01AF-4E00-944F-2EBEABB5A043}" srcOrd="6" destOrd="0" presId="urn:microsoft.com/office/officeart/2005/8/layout/hList2"/>
    <dgm:cxn modelId="{74F8047F-F9CD-417F-8B5B-FFB9D835B5C0}" type="presParOf" srcId="{57A00598-01AF-4E00-944F-2EBEABB5A043}" destId="{DE57B199-2416-43FD-B8B8-A3172867F53A}" srcOrd="0" destOrd="0" presId="urn:microsoft.com/office/officeart/2005/8/layout/hList2"/>
    <dgm:cxn modelId="{15D0595B-F89E-48A4-B72F-0F33A157AAC0}" type="presParOf" srcId="{57A00598-01AF-4E00-944F-2EBEABB5A043}" destId="{29869B66-2A22-4C8E-84CF-74373399C947}" srcOrd="1" destOrd="0" presId="urn:microsoft.com/office/officeart/2005/8/layout/hList2"/>
    <dgm:cxn modelId="{5D7B0666-CB6F-4E31-B4C6-08A51847F207}" type="presParOf" srcId="{57A00598-01AF-4E00-944F-2EBEABB5A043}" destId="{C769C8B0-0A63-41CD-82C2-717B70157D7D}" srcOrd="2" destOrd="0" presId="urn:microsoft.com/office/officeart/2005/8/layout/hList2"/>
    <dgm:cxn modelId="{C600177B-81E1-44F6-86B3-D6AC64EF3A8D}" type="presParOf" srcId="{1CFD2CC2-3DAF-4742-A686-D2F1B5AF4453}" destId="{216A969D-D7B9-4A55-BA23-FB14798072F6}" srcOrd="7" destOrd="0" presId="urn:microsoft.com/office/officeart/2005/8/layout/hList2"/>
    <dgm:cxn modelId="{304DE265-1324-4102-BFD6-EBA65EB43365}" type="presParOf" srcId="{1CFD2CC2-3DAF-4742-A686-D2F1B5AF4453}" destId="{4047A9E6-967B-427C-86EA-EEB352CB7D72}" srcOrd="8" destOrd="0" presId="urn:microsoft.com/office/officeart/2005/8/layout/hList2"/>
    <dgm:cxn modelId="{0B0E7B96-0EDA-4B1F-8B6E-4CFFFA1A3C8D}" type="presParOf" srcId="{4047A9E6-967B-427C-86EA-EEB352CB7D72}" destId="{1996C72E-12D3-412D-93A0-BF6234E21430}" srcOrd="0" destOrd="0" presId="urn:microsoft.com/office/officeart/2005/8/layout/hList2"/>
    <dgm:cxn modelId="{43BA26F3-7CE4-4E8C-B705-D38120576F2D}" type="presParOf" srcId="{4047A9E6-967B-427C-86EA-EEB352CB7D72}" destId="{25D0E48B-164F-4D83-9DCD-3A95D9A1CF18}" srcOrd="1" destOrd="0" presId="urn:microsoft.com/office/officeart/2005/8/layout/hList2"/>
    <dgm:cxn modelId="{47D813A2-390B-44C0-8E72-C4321E0DFA27}" type="presParOf" srcId="{4047A9E6-967B-427C-86EA-EEB352CB7D72}" destId="{12FF83BF-7CC7-44D2-A685-F5FA04F9570A}" srcOrd="2" destOrd="0" presId="urn:microsoft.com/office/officeart/2005/8/layout/h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71F2E66-E461-44A2-941B-77F3CA9E3093}">
      <dsp:nvSpPr>
        <dsp:cNvPr id="0" name=""/>
        <dsp:cNvSpPr/>
      </dsp:nvSpPr>
      <dsp:spPr>
        <a:xfrm>
          <a:off x="0" y="353705"/>
          <a:ext cx="9312374" cy="504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F3891588-C860-436B-94B6-4065ED54FAD1}">
      <dsp:nvSpPr>
        <dsp:cNvPr id="0" name=""/>
        <dsp:cNvSpPr/>
      </dsp:nvSpPr>
      <dsp:spPr>
        <a:xfrm>
          <a:off x="465618" y="58505"/>
          <a:ext cx="6518661" cy="5904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46390" tIns="0" rIns="246390" bIns="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/>
            <a:t>TE2015 Syllabus</a:t>
          </a:r>
          <a:endParaRPr lang="LID4096" sz="2000" kern="1200"/>
        </a:p>
      </dsp:txBody>
      <dsp:txXfrm>
        <a:off x="494439" y="87326"/>
        <a:ext cx="6461019" cy="532758"/>
      </dsp:txXfrm>
    </dsp:sp>
    <dsp:sp modelId="{18B3ED62-4964-4090-81E9-6257AA610FFD}">
      <dsp:nvSpPr>
        <dsp:cNvPr id="0" name=""/>
        <dsp:cNvSpPr/>
      </dsp:nvSpPr>
      <dsp:spPr>
        <a:xfrm>
          <a:off x="0" y="1260905"/>
          <a:ext cx="9312374" cy="504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C0B47F18-2FA7-4666-ABEA-7E780A0D38A8}">
      <dsp:nvSpPr>
        <dsp:cNvPr id="0" name=""/>
        <dsp:cNvSpPr/>
      </dsp:nvSpPr>
      <dsp:spPr>
        <a:xfrm>
          <a:off x="465618" y="965705"/>
          <a:ext cx="6518661" cy="5904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46390" tIns="0" rIns="246390" bIns="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/>
            <a:t>The </a:t>
          </a:r>
          <a:r>
            <a:rPr lang="da-DK" sz="2000" kern="1200" err="1"/>
            <a:t>history</a:t>
          </a:r>
          <a:r>
            <a:rPr lang="da-DK" sz="2000" kern="1200"/>
            <a:t> of the </a:t>
          </a:r>
          <a:r>
            <a:rPr lang="da-DK" sz="2000" kern="1200" err="1"/>
            <a:t>microcomputer</a:t>
          </a:r>
          <a:endParaRPr lang="LID4096" sz="2000" kern="1200"/>
        </a:p>
      </dsp:txBody>
      <dsp:txXfrm>
        <a:off x="494439" y="994526"/>
        <a:ext cx="6461019" cy="532758"/>
      </dsp:txXfrm>
    </dsp:sp>
    <dsp:sp modelId="{6B639962-1E53-4857-AA0B-7B0AC2E439BD}">
      <dsp:nvSpPr>
        <dsp:cNvPr id="0" name=""/>
        <dsp:cNvSpPr/>
      </dsp:nvSpPr>
      <dsp:spPr>
        <a:xfrm>
          <a:off x="0" y="2168106"/>
          <a:ext cx="9312374" cy="504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9A11787A-4995-439E-AFB7-B52DD2AF9F5A}">
      <dsp:nvSpPr>
        <dsp:cNvPr id="0" name=""/>
        <dsp:cNvSpPr/>
      </dsp:nvSpPr>
      <dsp:spPr>
        <a:xfrm>
          <a:off x="465618" y="1872906"/>
          <a:ext cx="6518661" cy="5904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46390" tIns="0" rIns="246390" bIns="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+mj-lt"/>
            <a:buNone/>
          </a:pPr>
          <a:r>
            <a:rPr lang="en-US" sz="2000" kern="1200"/>
            <a:t>Microchip fabrication process</a:t>
          </a:r>
          <a:endParaRPr lang="LID4096" sz="2000" kern="1200"/>
        </a:p>
      </dsp:txBody>
      <dsp:txXfrm>
        <a:off x="494439" y="1901727"/>
        <a:ext cx="6461019" cy="532758"/>
      </dsp:txXfrm>
    </dsp:sp>
    <dsp:sp modelId="{09520281-0494-4934-AD68-173534882E4D}">
      <dsp:nvSpPr>
        <dsp:cNvPr id="0" name=""/>
        <dsp:cNvSpPr/>
      </dsp:nvSpPr>
      <dsp:spPr>
        <a:xfrm>
          <a:off x="0" y="3075306"/>
          <a:ext cx="9312374" cy="504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6EA5D8DB-8E7D-4126-86FD-8A4FA74B286B}">
      <dsp:nvSpPr>
        <dsp:cNvPr id="0" name=""/>
        <dsp:cNvSpPr/>
      </dsp:nvSpPr>
      <dsp:spPr>
        <a:xfrm>
          <a:off x="465618" y="2780106"/>
          <a:ext cx="6518661" cy="5904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46390" tIns="0" rIns="246390" bIns="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+mj-lt"/>
            <a:buNone/>
          </a:pPr>
          <a:r>
            <a:rPr lang="en-US" sz="2000" kern="1200"/>
            <a:t>The Von Neumann architecture</a:t>
          </a:r>
          <a:endParaRPr lang="LID4096" sz="2000" kern="1200"/>
        </a:p>
      </dsp:txBody>
      <dsp:txXfrm>
        <a:off x="494439" y="2808927"/>
        <a:ext cx="6461019" cy="532758"/>
      </dsp:txXfrm>
    </dsp:sp>
    <dsp:sp modelId="{29C6ED99-95ED-47F2-B456-0DCAD01EBFAE}">
      <dsp:nvSpPr>
        <dsp:cNvPr id="0" name=""/>
        <dsp:cNvSpPr/>
      </dsp:nvSpPr>
      <dsp:spPr>
        <a:xfrm>
          <a:off x="0" y="3982506"/>
          <a:ext cx="9312374" cy="504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5A7E4CB-05E4-44EE-ABE2-43F3E6BA84E5}">
      <dsp:nvSpPr>
        <dsp:cNvPr id="0" name=""/>
        <dsp:cNvSpPr/>
      </dsp:nvSpPr>
      <dsp:spPr>
        <a:xfrm>
          <a:off x="465618" y="3687306"/>
          <a:ext cx="6518661" cy="5904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46390" tIns="0" rIns="246390" bIns="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+mj-lt"/>
            <a:buNone/>
          </a:pPr>
          <a:r>
            <a:rPr lang="en-US" sz="2000" kern="1200"/>
            <a:t>The Harvard architecture</a:t>
          </a:r>
          <a:endParaRPr lang="LID4096" sz="2000" kern="1200"/>
        </a:p>
      </dsp:txBody>
      <dsp:txXfrm>
        <a:off x="494439" y="3716127"/>
        <a:ext cx="6461019" cy="532758"/>
      </dsp:txXfrm>
    </dsp:sp>
  </dsp:spTree>
</dsp:drawing>
</file>

<file path=ppt/diagrams/drawing10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149A9AB-F220-4BD9-9195-50A6B5D9E55C}">
      <dsp:nvSpPr>
        <dsp:cNvPr id="0" name=""/>
        <dsp:cNvSpPr/>
      </dsp:nvSpPr>
      <dsp:spPr>
        <a:xfrm>
          <a:off x="1712" y="0"/>
          <a:ext cx="9310526" cy="832216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40970" tIns="140970" rIns="140970" bIns="140970" numCol="1" spcCol="1270" anchor="ctr" anchorCtr="0">
          <a:noAutofit/>
        </a:bodyPr>
        <a:lstStyle/>
        <a:p>
          <a:pPr marL="0" lvl="0" indent="0" algn="ctr" defTabSz="1644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700" kern="1200"/>
            <a:t>Silicon (Si)</a:t>
          </a:r>
          <a:endParaRPr lang="LID4096" sz="3700" kern="1200"/>
        </a:p>
      </dsp:txBody>
      <dsp:txXfrm>
        <a:off x="26087" y="24375"/>
        <a:ext cx="9261776" cy="783466"/>
      </dsp:txXfrm>
    </dsp:sp>
    <dsp:sp modelId="{680A2588-9F34-4FBC-B280-EB1A08F92590}">
      <dsp:nvSpPr>
        <dsp:cNvPr id="0" name=""/>
        <dsp:cNvSpPr/>
      </dsp:nvSpPr>
      <dsp:spPr>
        <a:xfrm>
          <a:off x="874" y="928693"/>
          <a:ext cx="9310526" cy="832216"/>
        </a:xfrm>
        <a:prstGeom prst="roundRect">
          <a:avLst>
            <a:gd name="adj" fmla="val 10000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40970" tIns="140970" rIns="140970" bIns="140970" numCol="1" spcCol="1270" anchor="ctr" anchorCtr="0">
          <a:noAutofit/>
        </a:bodyPr>
        <a:lstStyle/>
        <a:p>
          <a:pPr marL="0" lvl="0" indent="0" algn="ctr" defTabSz="1644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700" kern="1200"/>
            <a:t>Transistors</a:t>
          </a:r>
          <a:endParaRPr lang="LID4096" sz="3700" kern="1200"/>
        </a:p>
      </dsp:txBody>
      <dsp:txXfrm>
        <a:off x="25249" y="953068"/>
        <a:ext cx="9261776" cy="783466"/>
      </dsp:txXfrm>
    </dsp:sp>
    <dsp:sp modelId="{4A053949-ADBA-4221-A87B-98330D0FA4A9}">
      <dsp:nvSpPr>
        <dsp:cNvPr id="0" name=""/>
        <dsp:cNvSpPr/>
      </dsp:nvSpPr>
      <dsp:spPr>
        <a:xfrm>
          <a:off x="874" y="1856397"/>
          <a:ext cx="5292943" cy="832216"/>
        </a:xfrm>
        <a:prstGeom prst="roundRect">
          <a:avLst>
            <a:gd name="adj" fmla="val 10000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40970" tIns="140970" rIns="140970" bIns="140970" numCol="1" spcCol="1270" anchor="ctr" anchorCtr="0">
          <a:noAutofit/>
        </a:bodyPr>
        <a:lstStyle/>
        <a:p>
          <a:pPr marL="0" lvl="0" indent="0" algn="ctr" defTabSz="1644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700" kern="1200"/>
            <a:t>Analog</a:t>
          </a:r>
          <a:endParaRPr lang="LID4096" sz="3700" kern="1200"/>
        </a:p>
      </dsp:txBody>
      <dsp:txXfrm>
        <a:off x="25249" y="1880772"/>
        <a:ext cx="5244193" cy="783466"/>
      </dsp:txXfrm>
    </dsp:sp>
    <dsp:sp modelId="{FE79A713-A148-4A02-AC57-C85C95BEE752}">
      <dsp:nvSpPr>
        <dsp:cNvPr id="0" name=""/>
        <dsp:cNvSpPr/>
      </dsp:nvSpPr>
      <dsp:spPr>
        <a:xfrm>
          <a:off x="874" y="2784101"/>
          <a:ext cx="1302718" cy="832216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Resistors</a:t>
          </a:r>
          <a:endParaRPr lang="LID4096" sz="1700" kern="1200"/>
        </a:p>
      </dsp:txBody>
      <dsp:txXfrm>
        <a:off x="25249" y="2808476"/>
        <a:ext cx="1253968" cy="783466"/>
      </dsp:txXfrm>
    </dsp:sp>
    <dsp:sp modelId="{6E0EEA2E-E279-4772-BCD4-92EF9D800130}">
      <dsp:nvSpPr>
        <dsp:cNvPr id="0" name=""/>
        <dsp:cNvSpPr/>
      </dsp:nvSpPr>
      <dsp:spPr>
        <a:xfrm>
          <a:off x="1330949" y="2784101"/>
          <a:ext cx="1302718" cy="832216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Capacitors</a:t>
          </a:r>
          <a:endParaRPr lang="LID4096" sz="1700" kern="1200"/>
        </a:p>
      </dsp:txBody>
      <dsp:txXfrm>
        <a:off x="1355324" y="2808476"/>
        <a:ext cx="1253968" cy="783466"/>
      </dsp:txXfrm>
    </dsp:sp>
    <dsp:sp modelId="{23F9A0FF-6ACD-4AF6-8F53-D81F5FDBC8F6}">
      <dsp:nvSpPr>
        <dsp:cNvPr id="0" name=""/>
        <dsp:cNvSpPr/>
      </dsp:nvSpPr>
      <dsp:spPr>
        <a:xfrm>
          <a:off x="2661024" y="2784101"/>
          <a:ext cx="1302718" cy="832216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Inductors</a:t>
          </a:r>
          <a:endParaRPr lang="LID4096" sz="1700" kern="1200"/>
        </a:p>
      </dsp:txBody>
      <dsp:txXfrm>
        <a:off x="2685399" y="2808476"/>
        <a:ext cx="1253968" cy="783466"/>
      </dsp:txXfrm>
    </dsp:sp>
    <dsp:sp modelId="{8B441A54-DE8C-4248-B218-FF9316158D6E}">
      <dsp:nvSpPr>
        <dsp:cNvPr id="0" name=""/>
        <dsp:cNvSpPr/>
      </dsp:nvSpPr>
      <dsp:spPr>
        <a:xfrm>
          <a:off x="3991099" y="2784101"/>
          <a:ext cx="1302718" cy="832216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Diodes</a:t>
          </a:r>
          <a:endParaRPr lang="LID4096" sz="1700" kern="1200"/>
        </a:p>
      </dsp:txBody>
      <dsp:txXfrm>
        <a:off x="4015474" y="2808476"/>
        <a:ext cx="1253968" cy="783466"/>
      </dsp:txXfrm>
    </dsp:sp>
    <dsp:sp modelId="{5C7885E4-8973-44D3-A97B-5BD711D86F70}">
      <dsp:nvSpPr>
        <dsp:cNvPr id="0" name=""/>
        <dsp:cNvSpPr/>
      </dsp:nvSpPr>
      <dsp:spPr>
        <a:xfrm>
          <a:off x="5348532" y="1856397"/>
          <a:ext cx="3962868" cy="832216"/>
        </a:xfrm>
        <a:prstGeom prst="roundRect">
          <a:avLst>
            <a:gd name="adj" fmla="val 10000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40970" tIns="140970" rIns="140970" bIns="140970" numCol="1" spcCol="1270" anchor="ctr" anchorCtr="0">
          <a:noAutofit/>
        </a:bodyPr>
        <a:lstStyle/>
        <a:p>
          <a:pPr marL="0" lvl="0" indent="0" algn="ctr" defTabSz="1644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700" kern="1200"/>
            <a:t>Digital</a:t>
          </a:r>
          <a:endParaRPr lang="LID4096" sz="3700" kern="1200"/>
        </a:p>
      </dsp:txBody>
      <dsp:txXfrm>
        <a:off x="5372907" y="1880772"/>
        <a:ext cx="3914118" cy="783466"/>
      </dsp:txXfrm>
    </dsp:sp>
    <dsp:sp modelId="{3676CCDD-3133-4211-A678-23822527FE4E}">
      <dsp:nvSpPr>
        <dsp:cNvPr id="0" name=""/>
        <dsp:cNvSpPr/>
      </dsp:nvSpPr>
      <dsp:spPr>
        <a:xfrm>
          <a:off x="5348532" y="2784101"/>
          <a:ext cx="3962868" cy="832216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Logic gates</a:t>
          </a:r>
          <a:endParaRPr lang="LID4096" sz="1700" kern="1200"/>
        </a:p>
      </dsp:txBody>
      <dsp:txXfrm>
        <a:off x="5372907" y="2808476"/>
        <a:ext cx="3914118" cy="783466"/>
      </dsp:txXfrm>
    </dsp:sp>
    <dsp:sp modelId="{351FA2BF-24D3-49FB-9B62-3C911DC8A204}">
      <dsp:nvSpPr>
        <dsp:cNvPr id="0" name=""/>
        <dsp:cNvSpPr/>
      </dsp:nvSpPr>
      <dsp:spPr>
        <a:xfrm>
          <a:off x="5348532" y="3711805"/>
          <a:ext cx="1302718" cy="832216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ALU</a:t>
          </a:r>
          <a:endParaRPr lang="LID4096" sz="1700" kern="1200"/>
        </a:p>
      </dsp:txBody>
      <dsp:txXfrm>
        <a:off x="5372907" y="3736180"/>
        <a:ext cx="1253968" cy="783466"/>
      </dsp:txXfrm>
    </dsp:sp>
    <dsp:sp modelId="{6749B4CC-B44D-45CF-A00C-A0C4CE47DDDE}">
      <dsp:nvSpPr>
        <dsp:cNvPr id="0" name=""/>
        <dsp:cNvSpPr/>
      </dsp:nvSpPr>
      <dsp:spPr>
        <a:xfrm>
          <a:off x="6678607" y="3711805"/>
          <a:ext cx="1302718" cy="832216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Memory</a:t>
          </a:r>
          <a:endParaRPr lang="LID4096" sz="1700" kern="1200"/>
        </a:p>
      </dsp:txBody>
      <dsp:txXfrm>
        <a:off x="6702982" y="3736180"/>
        <a:ext cx="1253968" cy="783466"/>
      </dsp:txXfrm>
    </dsp:sp>
    <dsp:sp modelId="{B188B6C2-02B7-47C7-97E4-A4EEF72C6E80}">
      <dsp:nvSpPr>
        <dsp:cNvPr id="0" name=""/>
        <dsp:cNvSpPr/>
      </dsp:nvSpPr>
      <dsp:spPr>
        <a:xfrm>
          <a:off x="8008682" y="3711805"/>
          <a:ext cx="1302718" cy="832216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Control</a:t>
          </a:r>
          <a:endParaRPr lang="LID4096" sz="1700" kern="1200"/>
        </a:p>
      </dsp:txBody>
      <dsp:txXfrm>
        <a:off x="8033057" y="3736180"/>
        <a:ext cx="1253968" cy="783466"/>
      </dsp:txXfrm>
    </dsp:sp>
  </dsp:spTree>
</dsp:drawing>
</file>

<file path=ppt/diagrams/drawing1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39BCA62-2F9F-4C9F-B0BD-D1C9272D34F3}">
      <dsp:nvSpPr>
        <dsp:cNvPr id="0" name=""/>
        <dsp:cNvSpPr/>
      </dsp:nvSpPr>
      <dsp:spPr>
        <a:xfrm>
          <a:off x="5402" y="1262051"/>
          <a:ext cx="1263068" cy="1263068"/>
        </a:xfrm>
        <a:prstGeom prst="roundRect">
          <a:avLst>
            <a:gd name="adj" fmla="val 10000"/>
          </a:avLst>
        </a:prstGeom>
        <a:blipFill rotWithShape="1">
          <a:blip xmlns:r="http://schemas.openxmlformats.org/officeDocument/2006/relationships" r:embed="rId1"/>
          <a:srcRect/>
          <a:stretch>
            <a:fillRect l="-17000" r="-17000"/>
          </a:stretch>
        </a:blip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D9CED71-6D34-4951-A1AB-38B67FF06FD5}">
      <dsp:nvSpPr>
        <dsp:cNvPr id="0" name=""/>
        <dsp:cNvSpPr/>
      </dsp:nvSpPr>
      <dsp:spPr>
        <a:xfrm>
          <a:off x="211018" y="2019892"/>
          <a:ext cx="1263068" cy="1263068"/>
        </a:xfrm>
        <a:prstGeom prst="roundRect">
          <a:avLst>
            <a:gd name="adj" fmla="val 10000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Photoresist coating</a:t>
          </a:r>
          <a:endParaRPr lang="LID4096" sz="1400" kern="1200"/>
        </a:p>
      </dsp:txBody>
      <dsp:txXfrm>
        <a:off x="248012" y="2056886"/>
        <a:ext cx="1189080" cy="1189080"/>
      </dsp:txXfrm>
    </dsp:sp>
    <dsp:sp modelId="{2740CB50-F2E9-4E7A-84B3-675064A0D9DA}">
      <dsp:nvSpPr>
        <dsp:cNvPr id="0" name=""/>
        <dsp:cNvSpPr/>
      </dsp:nvSpPr>
      <dsp:spPr>
        <a:xfrm>
          <a:off x="1511765" y="1741836"/>
          <a:ext cx="243294" cy="303497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LID4096" sz="1100" kern="1200"/>
        </a:p>
      </dsp:txBody>
      <dsp:txXfrm>
        <a:off x="1511765" y="1802535"/>
        <a:ext cx="170306" cy="182099"/>
      </dsp:txXfrm>
    </dsp:sp>
    <dsp:sp modelId="{2DD18468-A198-4728-8A42-444DEBB7E46B}">
      <dsp:nvSpPr>
        <dsp:cNvPr id="0" name=""/>
        <dsp:cNvSpPr/>
      </dsp:nvSpPr>
      <dsp:spPr>
        <a:xfrm>
          <a:off x="1963599" y="1262051"/>
          <a:ext cx="1263068" cy="1263068"/>
        </a:xfrm>
        <a:prstGeom prst="roundRect">
          <a:avLst>
            <a:gd name="adj" fmla="val 10000"/>
          </a:avLst>
        </a:prstGeom>
        <a:blipFill rotWithShape="1">
          <a:blip xmlns:r="http://schemas.openxmlformats.org/officeDocument/2006/relationships" r:embed="rId2"/>
          <a:srcRect/>
          <a:stretch>
            <a:fillRect l="-17000" r="-17000"/>
          </a:stretch>
        </a:blip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3B7CD3C-9B0B-424B-A7BA-D0909A816233}">
      <dsp:nvSpPr>
        <dsp:cNvPr id="0" name=""/>
        <dsp:cNvSpPr/>
      </dsp:nvSpPr>
      <dsp:spPr>
        <a:xfrm>
          <a:off x="2169214" y="2019892"/>
          <a:ext cx="1263068" cy="1263068"/>
        </a:xfrm>
        <a:prstGeom prst="roundRect">
          <a:avLst>
            <a:gd name="adj" fmla="val 10000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Mask aligment</a:t>
          </a:r>
          <a:endParaRPr lang="LID4096" sz="1400" kern="1200"/>
        </a:p>
      </dsp:txBody>
      <dsp:txXfrm>
        <a:off x="2206208" y="2056886"/>
        <a:ext cx="1189080" cy="1189080"/>
      </dsp:txXfrm>
    </dsp:sp>
    <dsp:sp modelId="{8E0528E9-5DBF-495F-BDAC-5208D7D7E1A9}">
      <dsp:nvSpPr>
        <dsp:cNvPr id="0" name=""/>
        <dsp:cNvSpPr/>
      </dsp:nvSpPr>
      <dsp:spPr>
        <a:xfrm>
          <a:off x="3469962" y="1741836"/>
          <a:ext cx="243294" cy="303497"/>
        </a:xfrm>
        <a:prstGeom prst="rightArrow">
          <a:avLst>
            <a:gd name="adj1" fmla="val 60000"/>
            <a:gd name="adj2" fmla="val 50000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LID4096" sz="1100" kern="1200"/>
        </a:p>
      </dsp:txBody>
      <dsp:txXfrm>
        <a:off x="3469962" y="1802535"/>
        <a:ext cx="170306" cy="182099"/>
      </dsp:txXfrm>
    </dsp:sp>
    <dsp:sp modelId="{6F88DC43-CE90-40E7-B35F-F602A99AEE45}">
      <dsp:nvSpPr>
        <dsp:cNvPr id="0" name=""/>
        <dsp:cNvSpPr/>
      </dsp:nvSpPr>
      <dsp:spPr>
        <a:xfrm>
          <a:off x="3921795" y="1262051"/>
          <a:ext cx="1263068" cy="1263068"/>
        </a:xfrm>
        <a:prstGeom prst="roundRect">
          <a:avLst>
            <a:gd name="adj" fmla="val 10000"/>
          </a:avLst>
        </a:prstGeom>
        <a:blipFill rotWithShape="1">
          <a:blip xmlns:r="http://schemas.openxmlformats.org/officeDocument/2006/relationships" r:embed="rId3"/>
          <a:srcRect/>
          <a:stretch>
            <a:fillRect l="-17000" r="-17000"/>
          </a:stretch>
        </a:blip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2D133A1-6F0F-4BA3-B9F2-46F2E165CD34}">
      <dsp:nvSpPr>
        <dsp:cNvPr id="0" name=""/>
        <dsp:cNvSpPr/>
      </dsp:nvSpPr>
      <dsp:spPr>
        <a:xfrm>
          <a:off x="4127411" y="2019892"/>
          <a:ext cx="1263068" cy="1263068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UV exposure</a:t>
          </a:r>
          <a:endParaRPr lang="LID4096" sz="1400" kern="1200"/>
        </a:p>
      </dsp:txBody>
      <dsp:txXfrm>
        <a:off x="4164405" y="2056886"/>
        <a:ext cx="1189080" cy="1189080"/>
      </dsp:txXfrm>
    </dsp:sp>
    <dsp:sp modelId="{B68357DD-1F67-4F3A-B5D2-53B3608D7936}">
      <dsp:nvSpPr>
        <dsp:cNvPr id="0" name=""/>
        <dsp:cNvSpPr/>
      </dsp:nvSpPr>
      <dsp:spPr>
        <a:xfrm>
          <a:off x="5428158" y="1741836"/>
          <a:ext cx="243294" cy="303497"/>
        </a:xfrm>
        <a:prstGeom prst="rightArrow">
          <a:avLst>
            <a:gd name="adj1" fmla="val 60000"/>
            <a:gd name="adj2" fmla="val 5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LID4096" sz="1100" kern="1200"/>
        </a:p>
      </dsp:txBody>
      <dsp:txXfrm>
        <a:off x="5428158" y="1802535"/>
        <a:ext cx="170306" cy="182099"/>
      </dsp:txXfrm>
    </dsp:sp>
    <dsp:sp modelId="{1E37EA1C-898A-4D74-90DF-CD9204D6FFE5}">
      <dsp:nvSpPr>
        <dsp:cNvPr id="0" name=""/>
        <dsp:cNvSpPr/>
      </dsp:nvSpPr>
      <dsp:spPr>
        <a:xfrm>
          <a:off x="5879991" y="1262051"/>
          <a:ext cx="1263068" cy="1263068"/>
        </a:xfrm>
        <a:prstGeom prst="roundRect">
          <a:avLst>
            <a:gd name="adj" fmla="val 10000"/>
          </a:avLst>
        </a:prstGeom>
        <a:blipFill rotWithShape="1">
          <a:blip xmlns:r="http://schemas.openxmlformats.org/officeDocument/2006/relationships" r:embed="rId4"/>
          <a:srcRect/>
          <a:stretch>
            <a:fillRect l="-18000" r="-18000"/>
          </a:stretch>
        </a:blip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459B03E4-B644-4114-AD27-384A15E24119}">
      <dsp:nvSpPr>
        <dsp:cNvPr id="0" name=""/>
        <dsp:cNvSpPr/>
      </dsp:nvSpPr>
      <dsp:spPr>
        <a:xfrm>
          <a:off x="6085607" y="2019892"/>
          <a:ext cx="1263068" cy="1263068"/>
        </a:xfrm>
        <a:prstGeom prst="roundRect">
          <a:avLst>
            <a:gd name="adj" fmla="val 10000"/>
          </a:avLst>
        </a:prstGeom>
        <a:solidFill>
          <a:schemeClr val="accent5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Development</a:t>
          </a:r>
          <a:endParaRPr lang="LID4096" sz="1400" kern="1200"/>
        </a:p>
      </dsp:txBody>
      <dsp:txXfrm>
        <a:off x="6122601" y="2056886"/>
        <a:ext cx="1189080" cy="1189080"/>
      </dsp:txXfrm>
    </dsp:sp>
    <dsp:sp modelId="{98D931C6-612B-4506-AF52-CDF628814C0F}">
      <dsp:nvSpPr>
        <dsp:cNvPr id="0" name=""/>
        <dsp:cNvSpPr/>
      </dsp:nvSpPr>
      <dsp:spPr>
        <a:xfrm>
          <a:off x="7386354" y="1741836"/>
          <a:ext cx="243294" cy="303497"/>
        </a:xfrm>
        <a:prstGeom prst="rightArrow">
          <a:avLst>
            <a:gd name="adj1" fmla="val 60000"/>
            <a:gd name="adj2" fmla="val 50000"/>
          </a:avLst>
        </a:prstGeom>
        <a:solidFill>
          <a:schemeClr val="accent5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LID4096" sz="1100" kern="1200"/>
        </a:p>
      </dsp:txBody>
      <dsp:txXfrm>
        <a:off x="7386354" y="1802535"/>
        <a:ext cx="170306" cy="182099"/>
      </dsp:txXfrm>
    </dsp:sp>
    <dsp:sp modelId="{E19893DE-2692-4722-9117-FA5D4E25F432}">
      <dsp:nvSpPr>
        <dsp:cNvPr id="0" name=""/>
        <dsp:cNvSpPr/>
      </dsp:nvSpPr>
      <dsp:spPr>
        <a:xfrm>
          <a:off x="7838188" y="1262051"/>
          <a:ext cx="1263068" cy="1263068"/>
        </a:xfrm>
        <a:prstGeom prst="roundRect">
          <a:avLst>
            <a:gd name="adj" fmla="val 10000"/>
          </a:avLst>
        </a:prstGeom>
        <a:blipFill rotWithShape="1">
          <a:blip xmlns:r="http://schemas.openxmlformats.org/officeDocument/2006/relationships" r:embed="rId5"/>
          <a:srcRect/>
          <a:stretch>
            <a:fillRect l="-17000" r="-17000"/>
          </a:stretch>
        </a:blip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E2D3CA25-79DD-46E4-B6A2-BEC22CFE6CBE}">
      <dsp:nvSpPr>
        <dsp:cNvPr id="0" name=""/>
        <dsp:cNvSpPr/>
      </dsp:nvSpPr>
      <dsp:spPr>
        <a:xfrm>
          <a:off x="8043804" y="2019892"/>
          <a:ext cx="1263068" cy="1263068"/>
        </a:xfrm>
        <a:prstGeom prst="roundRect">
          <a:avLst>
            <a:gd name="adj" fmla="val 10000"/>
          </a:avLst>
        </a:prstGeom>
        <a:solidFill>
          <a:schemeClr val="accent6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Processed wafer</a:t>
          </a:r>
          <a:endParaRPr lang="LID4096" sz="1400" kern="1200"/>
        </a:p>
      </dsp:txBody>
      <dsp:txXfrm>
        <a:off x="8080798" y="2056886"/>
        <a:ext cx="1189080" cy="1189080"/>
      </dsp:txXfrm>
    </dsp:sp>
  </dsp:spTree>
</dsp:drawing>
</file>

<file path=ppt/diagrams/drawing1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AB4BC64-2407-42B9-AEA7-FC379C7896EB}">
      <dsp:nvSpPr>
        <dsp:cNvPr id="0" name=""/>
        <dsp:cNvSpPr/>
      </dsp:nvSpPr>
      <dsp:spPr>
        <a:xfrm>
          <a:off x="1121827" y="521"/>
          <a:ext cx="1008294" cy="1008294"/>
        </a:xfrm>
        <a:prstGeom prst="ellipse">
          <a:avLst/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100" kern="1200"/>
            <a:t>FETCH</a:t>
          </a:r>
          <a:endParaRPr lang="LID4096" sz="1100" kern="1200"/>
        </a:p>
      </dsp:txBody>
      <dsp:txXfrm>
        <a:off x="1269488" y="148182"/>
        <a:ext cx="712972" cy="712972"/>
      </dsp:txXfrm>
    </dsp:sp>
    <dsp:sp modelId="{69ECB8DB-1B1F-44B1-8B30-150E09C939B5}">
      <dsp:nvSpPr>
        <dsp:cNvPr id="0" name=""/>
        <dsp:cNvSpPr/>
      </dsp:nvSpPr>
      <dsp:spPr>
        <a:xfrm rot="3600000">
          <a:off x="1866627" y="984327"/>
          <a:ext cx="269029" cy="340299"/>
        </a:xfrm>
        <a:prstGeom prst="righ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LID4096" sz="1100" kern="1200"/>
        </a:p>
      </dsp:txBody>
      <dsp:txXfrm>
        <a:off x="1886804" y="1017439"/>
        <a:ext cx="188320" cy="204179"/>
      </dsp:txXfrm>
    </dsp:sp>
    <dsp:sp modelId="{F59B8DB0-222F-4BB9-9304-1BFF0CE7FDF3}">
      <dsp:nvSpPr>
        <dsp:cNvPr id="0" name=""/>
        <dsp:cNvSpPr/>
      </dsp:nvSpPr>
      <dsp:spPr>
        <a:xfrm>
          <a:off x="1879775" y="1313327"/>
          <a:ext cx="1008294" cy="1008294"/>
        </a:xfrm>
        <a:prstGeom prst="ellipse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3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100" kern="1200"/>
            <a:t>DECODE</a:t>
          </a:r>
          <a:endParaRPr lang="LID4096" sz="1100" kern="1200"/>
        </a:p>
      </dsp:txBody>
      <dsp:txXfrm>
        <a:off x="2027436" y="1460988"/>
        <a:ext cx="712972" cy="712972"/>
      </dsp:txXfrm>
    </dsp:sp>
    <dsp:sp modelId="{8EB0E5C5-B1DB-4467-A36D-F7D15122FA94}">
      <dsp:nvSpPr>
        <dsp:cNvPr id="0" name=""/>
        <dsp:cNvSpPr/>
      </dsp:nvSpPr>
      <dsp:spPr>
        <a:xfrm rot="10800000">
          <a:off x="1499073" y="1647324"/>
          <a:ext cx="269029" cy="340299"/>
        </a:xfrm>
        <a:prstGeom prst="righ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3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LID4096" sz="1100" kern="1200"/>
        </a:p>
      </dsp:txBody>
      <dsp:txXfrm rot="10800000">
        <a:off x="1579782" y="1715384"/>
        <a:ext cx="188320" cy="204179"/>
      </dsp:txXfrm>
    </dsp:sp>
    <dsp:sp modelId="{D91CCB52-FDC0-4C1A-A56D-CC98C91EFD81}">
      <dsp:nvSpPr>
        <dsp:cNvPr id="0" name=""/>
        <dsp:cNvSpPr/>
      </dsp:nvSpPr>
      <dsp:spPr>
        <a:xfrm>
          <a:off x="363878" y="1313327"/>
          <a:ext cx="1008294" cy="1008294"/>
        </a:xfrm>
        <a:prstGeom prst="ellipse">
          <a:avLst/>
        </a:prstGeom>
        <a:gradFill rotWithShape="0">
          <a:gsLst>
            <a:gs pos="0">
              <a:schemeClr val="accent4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4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4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100" kern="1200"/>
            <a:t>EXECUTE</a:t>
          </a:r>
          <a:endParaRPr lang="LID4096" sz="1100" kern="1200"/>
        </a:p>
      </dsp:txBody>
      <dsp:txXfrm>
        <a:off x="511539" y="1460988"/>
        <a:ext cx="712972" cy="712972"/>
      </dsp:txXfrm>
    </dsp:sp>
    <dsp:sp modelId="{7BC7C058-A317-4E3A-B3A4-038814DBCBE2}">
      <dsp:nvSpPr>
        <dsp:cNvPr id="0" name=""/>
        <dsp:cNvSpPr/>
      </dsp:nvSpPr>
      <dsp:spPr>
        <a:xfrm rot="18000000">
          <a:off x="1108678" y="997515"/>
          <a:ext cx="269029" cy="340299"/>
        </a:xfrm>
        <a:prstGeom prst="righ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4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4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4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LID4096" sz="1100" kern="1200"/>
        </a:p>
      </dsp:txBody>
      <dsp:txXfrm>
        <a:off x="1128855" y="1100523"/>
        <a:ext cx="188320" cy="204179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F4F9471-29F7-40F9-9A65-AC5C8A55C48F}">
      <dsp:nvSpPr>
        <dsp:cNvPr id="0" name=""/>
        <dsp:cNvSpPr/>
      </dsp:nvSpPr>
      <dsp:spPr>
        <a:xfrm>
          <a:off x="2233224" y="4130714"/>
          <a:ext cx="4516098" cy="0"/>
        </a:xfrm>
        <a:prstGeom prst="line">
          <a:avLst/>
        </a:prstGeom>
        <a:noFill/>
        <a:ln w="9525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144E3700-AB4F-416A-A5D7-F29A4C01019B}">
      <dsp:nvSpPr>
        <dsp:cNvPr id="0" name=""/>
        <dsp:cNvSpPr/>
      </dsp:nvSpPr>
      <dsp:spPr>
        <a:xfrm>
          <a:off x="2233224" y="3451937"/>
          <a:ext cx="3861882" cy="0"/>
        </a:xfrm>
        <a:prstGeom prst="line">
          <a:avLst/>
        </a:prstGeom>
        <a:noFill/>
        <a:ln w="9525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619A0476-1D2B-489D-A32C-373D84724B06}">
      <dsp:nvSpPr>
        <dsp:cNvPr id="0" name=""/>
        <dsp:cNvSpPr/>
      </dsp:nvSpPr>
      <dsp:spPr>
        <a:xfrm>
          <a:off x="2233224" y="2657054"/>
          <a:ext cx="3505525" cy="0"/>
        </a:xfrm>
        <a:prstGeom prst="line">
          <a:avLst/>
        </a:prstGeom>
        <a:noFill/>
        <a:ln w="9525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E7189AAF-CC67-478E-9FA3-0F7A82825827}">
      <dsp:nvSpPr>
        <dsp:cNvPr id="0" name=""/>
        <dsp:cNvSpPr/>
      </dsp:nvSpPr>
      <dsp:spPr>
        <a:xfrm>
          <a:off x="2233224" y="1808582"/>
          <a:ext cx="3505525" cy="0"/>
        </a:xfrm>
        <a:prstGeom prst="line">
          <a:avLst/>
        </a:prstGeom>
        <a:noFill/>
        <a:ln w="9525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8BD981FE-7847-44B0-8FFA-9EA9D46949A4}">
      <dsp:nvSpPr>
        <dsp:cNvPr id="0" name=""/>
        <dsp:cNvSpPr/>
      </dsp:nvSpPr>
      <dsp:spPr>
        <a:xfrm>
          <a:off x="2233224" y="1013699"/>
          <a:ext cx="3861882" cy="0"/>
        </a:xfrm>
        <a:prstGeom prst="line">
          <a:avLst/>
        </a:prstGeom>
        <a:noFill/>
        <a:ln w="9525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96BD1CA1-0F64-4006-8BF4-68C3351931B4}">
      <dsp:nvSpPr>
        <dsp:cNvPr id="0" name=""/>
        <dsp:cNvSpPr/>
      </dsp:nvSpPr>
      <dsp:spPr>
        <a:xfrm>
          <a:off x="2233224" y="334922"/>
          <a:ext cx="4516098" cy="0"/>
        </a:xfrm>
        <a:prstGeom prst="line">
          <a:avLst/>
        </a:prstGeom>
        <a:noFill/>
        <a:ln w="9525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23C2D8A5-442A-4101-AD06-5B30A176686E}">
      <dsp:nvSpPr>
        <dsp:cNvPr id="0" name=""/>
        <dsp:cNvSpPr/>
      </dsp:nvSpPr>
      <dsp:spPr>
        <a:xfrm rot="21420208">
          <a:off x="406" y="0"/>
          <a:ext cx="4465637" cy="4465637"/>
        </a:xfrm>
        <a:prstGeom prst="ellipse">
          <a:avLst/>
        </a:prstGeom>
        <a:blipFill dpi="0" rotWithShape="1"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74" t="-16553" r="-7074" b="-27027"/>
          </a:stretch>
        </a:blipFill>
        <a:ln>
          <a:solidFill>
            <a:schemeClr val="tx1">
              <a:lumMod val="65000"/>
              <a:lumOff val="35000"/>
            </a:schemeClr>
          </a:solidFill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39AEF279-2DEE-475C-A26F-05360BAE5CFA}">
      <dsp:nvSpPr>
        <dsp:cNvPr id="0" name=""/>
        <dsp:cNvSpPr/>
      </dsp:nvSpPr>
      <dsp:spPr>
        <a:xfrm>
          <a:off x="804221" y="2371253"/>
          <a:ext cx="2858007" cy="1473660"/>
        </a:xfrm>
        <a:prstGeom prst="rect">
          <a:avLst/>
        </a:prstGeom>
        <a:noFill/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p3d/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b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LID4096" sz="6500" kern="1200"/>
        </a:p>
      </dsp:txBody>
      <dsp:txXfrm>
        <a:off x="804221" y="2371253"/>
        <a:ext cx="2858007" cy="1473660"/>
      </dsp:txXfrm>
    </dsp:sp>
    <dsp:sp modelId="{830D897E-3530-42C0-B4C8-0994AAE5EB93}">
      <dsp:nvSpPr>
        <dsp:cNvPr id="0" name=""/>
        <dsp:cNvSpPr/>
      </dsp:nvSpPr>
      <dsp:spPr>
        <a:xfrm>
          <a:off x="6414400" y="0"/>
          <a:ext cx="669845" cy="669845"/>
        </a:xfrm>
        <a:prstGeom prst="ellipse">
          <a:avLst/>
        </a:prstGeom>
        <a:blipFill rotWithShape="1">
          <a:blip xmlns:r="http://schemas.openxmlformats.org/officeDocument/2006/relationships"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5C56199B-8DEE-4CF0-BBCE-3CB21AD46C86}">
      <dsp:nvSpPr>
        <dsp:cNvPr id="0" name=""/>
        <dsp:cNvSpPr/>
      </dsp:nvSpPr>
      <dsp:spPr>
        <a:xfrm>
          <a:off x="7084246" y="0"/>
          <a:ext cx="3505139" cy="66984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0960" tIns="0" rIns="6096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/>
            <a:t>Researcher at Technical University of Denmark</a:t>
          </a:r>
          <a:endParaRPr lang="LID4096" sz="1600" kern="1200"/>
        </a:p>
      </dsp:txBody>
      <dsp:txXfrm>
        <a:off x="7084246" y="0"/>
        <a:ext cx="3505139" cy="669845"/>
      </dsp:txXfrm>
    </dsp:sp>
    <dsp:sp modelId="{E4A100AA-7897-44FD-83BB-91FA85D7174F}">
      <dsp:nvSpPr>
        <dsp:cNvPr id="0" name=""/>
        <dsp:cNvSpPr/>
      </dsp:nvSpPr>
      <dsp:spPr>
        <a:xfrm>
          <a:off x="5760185" y="678776"/>
          <a:ext cx="669845" cy="669845"/>
        </a:xfrm>
        <a:prstGeom prst="ellipse">
          <a:avLst/>
        </a:prstGeom>
        <a:blipFill rotWithShape="1"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7D0D1EF3-A7DF-43EB-B536-34D08EA1DA36}">
      <dsp:nvSpPr>
        <dsp:cNvPr id="0" name=""/>
        <dsp:cNvSpPr/>
      </dsp:nvSpPr>
      <dsp:spPr>
        <a:xfrm>
          <a:off x="6430030" y="678776"/>
          <a:ext cx="4160610" cy="66984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0960" tIns="0" rIns="6096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/>
            <a:t>Adjunct professor at Tecnológico de Monterrey</a:t>
          </a:r>
          <a:endParaRPr lang="LID4096" sz="1600" kern="1200"/>
        </a:p>
      </dsp:txBody>
      <dsp:txXfrm>
        <a:off x="6430030" y="678776"/>
        <a:ext cx="4160610" cy="669845"/>
      </dsp:txXfrm>
    </dsp:sp>
    <dsp:sp modelId="{8B13DEDD-C4B1-4088-8303-3507C40FDC59}">
      <dsp:nvSpPr>
        <dsp:cNvPr id="0" name=""/>
        <dsp:cNvSpPr/>
      </dsp:nvSpPr>
      <dsp:spPr>
        <a:xfrm>
          <a:off x="5403827" y="1473660"/>
          <a:ext cx="669845" cy="669845"/>
        </a:xfrm>
        <a:prstGeom prst="ellipse">
          <a:avLst/>
        </a:prstGeom>
        <a:blipFill rotWithShape="1">
          <a:blip xmlns:r="http://schemas.openxmlformats.org/officeDocument/2006/relationships"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25000" r="-25000"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54B8AA02-6F43-4BDE-93D6-0F192BA30F44}">
      <dsp:nvSpPr>
        <dsp:cNvPr id="0" name=""/>
        <dsp:cNvSpPr/>
      </dsp:nvSpPr>
      <dsp:spPr>
        <a:xfrm>
          <a:off x="6073672" y="1473660"/>
          <a:ext cx="4514166" cy="66984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0960" tIns="0" rIns="6096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noProof="0"/>
            <a:t>Cofounder</a:t>
          </a:r>
          <a:r>
            <a:rPr lang="es-ES" sz="1600" kern="1200"/>
            <a:t> &amp; CTO at AdSensors S.A.P.I. de C.V. </a:t>
          </a:r>
          <a:endParaRPr lang="LID4096" sz="1600" kern="1200"/>
        </a:p>
      </dsp:txBody>
      <dsp:txXfrm>
        <a:off x="6073672" y="1473660"/>
        <a:ext cx="4514166" cy="669845"/>
      </dsp:txXfrm>
    </dsp:sp>
    <dsp:sp modelId="{62DFC1A8-AA80-41F1-8F18-E4F8230DC319}">
      <dsp:nvSpPr>
        <dsp:cNvPr id="0" name=""/>
        <dsp:cNvSpPr/>
      </dsp:nvSpPr>
      <dsp:spPr>
        <a:xfrm>
          <a:off x="5403827" y="2322131"/>
          <a:ext cx="669845" cy="669845"/>
        </a:xfrm>
        <a:prstGeom prst="ellipse">
          <a:avLst/>
        </a:prstGeom>
        <a:blipFill rotWithShape="1"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25000" r="-25000"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3CAB3045-6DB6-4851-A91D-F322AFE6A560}">
      <dsp:nvSpPr>
        <dsp:cNvPr id="0" name=""/>
        <dsp:cNvSpPr/>
      </dsp:nvSpPr>
      <dsp:spPr>
        <a:xfrm>
          <a:off x="6073672" y="2322131"/>
          <a:ext cx="4514938" cy="66984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0960" tIns="0" rIns="60960" bIns="0" numCol="1" spcCol="1270" anchor="t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/>
            <a:t>Teaching</a:t>
          </a:r>
          <a:endParaRPr lang="LID4096" sz="1600" kern="1200"/>
        </a:p>
        <a:p>
          <a:pPr marL="114300" lvl="1" indent="-114300" algn="l" defTabSz="5334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200" kern="1200"/>
            <a:t>Microcontrollers, Digital Systems, Computer Architectures, Embedded Systems</a:t>
          </a:r>
          <a:endParaRPr lang="LID4096" sz="1200" kern="1200"/>
        </a:p>
      </dsp:txBody>
      <dsp:txXfrm>
        <a:off x="6073672" y="2322131"/>
        <a:ext cx="4514938" cy="669845"/>
      </dsp:txXfrm>
    </dsp:sp>
    <dsp:sp modelId="{C1522237-0681-4188-AE19-E2699B31FF9E}">
      <dsp:nvSpPr>
        <dsp:cNvPr id="0" name=""/>
        <dsp:cNvSpPr/>
      </dsp:nvSpPr>
      <dsp:spPr>
        <a:xfrm>
          <a:off x="5760185" y="3117014"/>
          <a:ext cx="669845" cy="669845"/>
        </a:xfrm>
        <a:prstGeom prst="ellipse">
          <a:avLst/>
        </a:prstGeom>
        <a:blipFill rotWithShape="1">
          <a:blip xmlns:r="http://schemas.openxmlformats.org/officeDocument/2006/relationships"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21000" r="-21000"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25489104-6C09-4A9A-A484-AFBF50E6C4A9}">
      <dsp:nvSpPr>
        <dsp:cNvPr id="0" name=""/>
        <dsp:cNvSpPr/>
      </dsp:nvSpPr>
      <dsp:spPr>
        <a:xfrm>
          <a:off x="6430030" y="3117014"/>
          <a:ext cx="4161362" cy="66984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0960" tIns="0" rIns="60960" bIns="0" numCol="1" spcCol="1270" anchor="t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ES" sz="1600" kern="1200" err="1"/>
            <a:t>Research</a:t>
          </a:r>
          <a:r>
            <a:rPr lang="es-ES" sz="1600" kern="1200"/>
            <a:t> </a:t>
          </a:r>
          <a:r>
            <a:rPr lang="es-ES" sz="1600" kern="1200" err="1"/>
            <a:t>interests</a:t>
          </a:r>
          <a:endParaRPr lang="LID4096" sz="1600" kern="1200"/>
        </a:p>
        <a:p>
          <a:pPr marL="114300" lvl="1" indent="-114300" algn="l" defTabSz="5334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ES" sz="1200" kern="1200"/>
            <a:t>Van </a:t>
          </a:r>
          <a:r>
            <a:rPr lang="es-ES" sz="1200" kern="1200" err="1"/>
            <a:t>der</a:t>
          </a:r>
          <a:r>
            <a:rPr lang="es-ES" sz="1200" kern="1200"/>
            <a:t> Waals </a:t>
          </a:r>
          <a:r>
            <a:rPr lang="es-ES" sz="1200" kern="1200" err="1"/>
            <a:t>Heterostructures</a:t>
          </a:r>
          <a:r>
            <a:rPr lang="es-ES" sz="1200" kern="1200"/>
            <a:t> &amp; Electrokinetics</a:t>
          </a:r>
        </a:p>
        <a:p>
          <a:pPr marL="114300" lvl="1" indent="-114300" algn="l" defTabSz="5334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ES" sz="1200" kern="1200"/>
            <a:t>UVM hardware Verification</a:t>
          </a:r>
        </a:p>
      </dsp:txBody>
      <dsp:txXfrm>
        <a:off x="6430030" y="3117014"/>
        <a:ext cx="4161362" cy="669845"/>
      </dsp:txXfrm>
    </dsp:sp>
    <dsp:sp modelId="{BD408BD6-6AF1-454E-87EF-C9D5193B1996}">
      <dsp:nvSpPr>
        <dsp:cNvPr id="0" name=""/>
        <dsp:cNvSpPr/>
      </dsp:nvSpPr>
      <dsp:spPr>
        <a:xfrm>
          <a:off x="6414400" y="3795791"/>
          <a:ext cx="669845" cy="669845"/>
        </a:xfrm>
        <a:prstGeom prst="ellipse">
          <a:avLst/>
        </a:prstGeom>
        <a:blipFill rotWithShape="1">
          <a:blip xmlns:r="http://schemas.openxmlformats.org/officeDocument/2006/relationships" r:embed="rId7"/>
          <a:srcRect/>
          <a:stretch>
            <a:fillRect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BB521067-794A-473E-BA3C-0D09780D3F08}">
      <dsp:nvSpPr>
        <dsp:cNvPr id="0" name=""/>
        <dsp:cNvSpPr/>
      </dsp:nvSpPr>
      <dsp:spPr>
        <a:xfrm>
          <a:off x="7084246" y="3795791"/>
          <a:ext cx="2422684" cy="66984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0960" tIns="0" rIns="60960" bIns="0" numCol="1" spcCol="1270" anchor="t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ES" sz="1600" kern="1200" err="1"/>
            <a:t>Contact</a:t>
          </a:r>
          <a:endParaRPr lang="es-ES" sz="1600" kern="1200"/>
        </a:p>
        <a:p>
          <a:pPr marL="114300" lvl="1" indent="-114300" algn="l" defTabSz="5334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ES" sz="1200" kern="1200"/>
            <a:t>WhatsApp: +45 5033-3514</a:t>
          </a:r>
        </a:p>
        <a:p>
          <a:pPr marL="114300" lvl="1" indent="-114300" algn="l" defTabSz="5334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ES" sz="1200" kern="1200"/>
            <a:t>E-mail: matias.vazquez@tec.mx</a:t>
          </a:r>
        </a:p>
      </dsp:txBody>
      <dsp:txXfrm>
        <a:off x="7084246" y="3795791"/>
        <a:ext cx="2422684" cy="669845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F650B33A-3D31-42D1-B963-79B731ADAEB1}">
      <dsp:nvSpPr>
        <dsp:cNvPr id="0" name=""/>
        <dsp:cNvSpPr/>
      </dsp:nvSpPr>
      <dsp:spPr>
        <a:xfrm>
          <a:off x="0" y="36536"/>
          <a:ext cx="9312374" cy="4446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/>
            <a:t>Slack</a:t>
          </a:r>
          <a:endParaRPr lang="en-DK" sz="1900" kern="1200"/>
        </a:p>
      </dsp:txBody>
      <dsp:txXfrm>
        <a:off x="21704" y="58240"/>
        <a:ext cx="9268966" cy="401192"/>
      </dsp:txXfrm>
    </dsp:sp>
    <dsp:sp modelId="{B2BFBD75-4167-481F-BE81-7DDAAFA3EE98}">
      <dsp:nvSpPr>
        <dsp:cNvPr id="0" name=""/>
        <dsp:cNvSpPr/>
      </dsp:nvSpPr>
      <dsp:spPr>
        <a:xfrm>
          <a:off x="0" y="481136"/>
          <a:ext cx="9312374" cy="49162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95668" tIns="24130" rIns="135128" bIns="24130" numCol="1" spcCol="1270" anchor="t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1500" kern="1200"/>
            <a:t>Install </a:t>
          </a:r>
          <a:r>
            <a:rPr lang="en-US" sz="1500" kern="1200">
              <a:hlinkClick xmlns:r="http://schemas.openxmlformats.org/officeDocument/2006/relationships" r:id="rId1"/>
            </a:rPr>
            <a:t>Slack</a:t>
          </a:r>
          <a:r>
            <a:rPr lang="en-US" sz="1500" kern="1200"/>
            <a:t> app on your mobile or PC/Mac</a:t>
          </a:r>
          <a:endParaRPr lang="en-DK" sz="1500" kern="120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1500" kern="1200"/>
            <a:t>Join our group on Slack from the invitation e-mail received yesterday</a:t>
          </a:r>
          <a:endParaRPr lang="en-DK" sz="1500" kern="1200"/>
        </a:p>
      </dsp:txBody>
      <dsp:txXfrm>
        <a:off x="0" y="481136"/>
        <a:ext cx="9312374" cy="491625"/>
      </dsp:txXfrm>
    </dsp:sp>
    <dsp:sp modelId="{936B005A-8216-4C5E-AD80-E138ED462C1E}">
      <dsp:nvSpPr>
        <dsp:cNvPr id="0" name=""/>
        <dsp:cNvSpPr/>
      </dsp:nvSpPr>
      <dsp:spPr>
        <a:xfrm>
          <a:off x="0" y="972761"/>
          <a:ext cx="9312374" cy="444600"/>
        </a:xfrm>
        <a:prstGeom prst="roundRect">
          <a:avLst/>
        </a:prstGeom>
        <a:solidFill>
          <a:schemeClr val="accent2">
            <a:hueOff val="-1632575"/>
            <a:satOff val="-2533"/>
            <a:lumOff val="-2746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/>
            <a:t>EAGLE</a:t>
          </a:r>
          <a:endParaRPr lang="en-DK" sz="1900" kern="1200"/>
        </a:p>
      </dsp:txBody>
      <dsp:txXfrm>
        <a:off x="21704" y="994465"/>
        <a:ext cx="9268966" cy="401192"/>
      </dsp:txXfrm>
    </dsp:sp>
    <dsp:sp modelId="{39196FA6-DE87-422C-9CE2-E90E4D369107}">
      <dsp:nvSpPr>
        <dsp:cNvPr id="0" name=""/>
        <dsp:cNvSpPr/>
      </dsp:nvSpPr>
      <dsp:spPr>
        <a:xfrm>
          <a:off x="0" y="1417361"/>
          <a:ext cx="9312374" cy="72760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95668" tIns="24130" rIns="135128" bIns="24130" numCol="1" spcCol="1270" anchor="t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1500" kern="1200"/>
            <a:t>Create an account on </a:t>
          </a:r>
          <a:r>
            <a:rPr lang="en-US" sz="1500" kern="1200">
              <a:hlinkClick xmlns:r="http://schemas.openxmlformats.org/officeDocument/2006/relationships" r:id="rId2"/>
            </a:rPr>
            <a:t>Autodesk</a:t>
          </a:r>
          <a:r>
            <a:rPr lang="en-US" sz="1500" kern="1200"/>
            <a:t> (use @tec.mx e-mail)</a:t>
          </a:r>
          <a:endParaRPr lang="en-DK" sz="1500" kern="120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1500" kern="1200"/>
            <a:t>Join our Autodesk group from the invitation e-mail received yesterday</a:t>
          </a:r>
          <a:endParaRPr lang="en-DK" sz="1500" kern="120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1500" kern="1200">
              <a:hlinkClick xmlns:r="http://schemas.openxmlformats.org/officeDocument/2006/relationships" r:id="rId3"/>
            </a:rPr>
            <a:t>Download and install EAGLE</a:t>
          </a:r>
          <a:endParaRPr lang="en-DK" sz="1500" kern="1200"/>
        </a:p>
      </dsp:txBody>
      <dsp:txXfrm>
        <a:off x="0" y="1417361"/>
        <a:ext cx="9312374" cy="727605"/>
      </dsp:txXfrm>
    </dsp:sp>
    <dsp:sp modelId="{618A3BDF-068F-49B5-AA8E-25F086B8CD2E}">
      <dsp:nvSpPr>
        <dsp:cNvPr id="0" name=""/>
        <dsp:cNvSpPr/>
      </dsp:nvSpPr>
      <dsp:spPr>
        <a:xfrm>
          <a:off x="0" y="2144966"/>
          <a:ext cx="9312374" cy="444600"/>
        </a:xfrm>
        <a:prstGeom prst="roundRect">
          <a:avLst/>
        </a:prstGeom>
        <a:solidFill>
          <a:schemeClr val="accent2">
            <a:hueOff val="-3265150"/>
            <a:satOff val="-5066"/>
            <a:lumOff val="-5491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/>
            <a:t>MPLAB X</a:t>
          </a:r>
          <a:endParaRPr lang="en-DK" sz="1900" kern="1200"/>
        </a:p>
      </dsp:txBody>
      <dsp:txXfrm>
        <a:off x="21704" y="2166670"/>
        <a:ext cx="9268966" cy="401192"/>
      </dsp:txXfrm>
    </dsp:sp>
    <dsp:sp modelId="{FA7F037F-3F05-41DD-8603-C8189751C225}">
      <dsp:nvSpPr>
        <dsp:cNvPr id="0" name=""/>
        <dsp:cNvSpPr/>
      </dsp:nvSpPr>
      <dsp:spPr>
        <a:xfrm>
          <a:off x="0" y="2589566"/>
          <a:ext cx="9312374" cy="49162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95668" tIns="24130" rIns="135128" bIns="24130" numCol="1" spcCol="1270" anchor="t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1500" kern="1200">
              <a:hlinkClick xmlns:r="http://schemas.openxmlformats.org/officeDocument/2006/relationships" r:id="rId4"/>
            </a:rPr>
            <a:t>Download MPLAB X from Microchip website </a:t>
          </a:r>
          <a:r>
            <a:rPr lang="en-US" sz="1500" kern="1200"/>
            <a:t>and install it</a:t>
          </a:r>
          <a:endParaRPr lang="en-DK" sz="1500" kern="120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1500" kern="1200">
              <a:hlinkClick xmlns:r="http://schemas.openxmlformats.org/officeDocument/2006/relationships" r:id="rId5"/>
            </a:rPr>
            <a:t>Download XC8 C compiler from Microchip website</a:t>
          </a:r>
          <a:r>
            <a:rPr lang="en-US" sz="1500" kern="1200"/>
            <a:t> and install it</a:t>
          </a:r>
          <a:endParaRPr lang="en-DK" sz="1500" kern="1200"/>
        </a:p>
      </dsp:txBody>
      <dsp:txXfrm>
        <a:off x="0" y="2589566"/>
        <a:ext cx="9312374" cy="491625"/>
      </dsp:txXfrm>
    </dsp:sp>
    <dsp:sp modelId="{5E86CE9F-486F-45EF-B5F8-EA3A6459981C}">
      <dsp:nvSpPr>
        <dsp:cNvPr id="0" name=""/>
        <dsp:cNvSpPr/>
      </dsp:nvSpPr>
      <dsp:spPr>
        <a:xfrm>
          <a:off x="0" y="3081191"/>
          <a:ext cx="9312374" cy="444600"/>
        </a:xfrm>
        <a:prstGeom prst="roundRect">
          <a:avLst/>
        </a:prstGeom>
        <a:solidFill>
          <a:schemeClr val="accent2">
            <a:hueOff val="-4897725"/>
            <a:satOff val="-7599"/>
            <a:lumOff val="-8237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/>
            <a:t>GitHub</a:t>
          </a:r>
          <a:endParaRPr lang="en-DK" sz="1900" kern="1200"/>
        </a:p>
      </dsp:txBody>
      <dsp:txXfrm>
        <a:off x="21704" y="3102895"/>
        <a:ext cx="9268966" cy="401192"/>
      </dsp:txXfrm>
    </dsp:sp>
    <dsp:sp modelId="{C803D492-116C-4852-81AD-4A39FE1D8FFF}">
      <dsp:nvSpPr>
        <dsp:cNvPr id="0" name=""/>
        <dsp:cNvSpPr/>
      </dsp:nvSpPr>
      <dsp:spPr>
        <a:xfrm>
          <a:off x="0" y="3525791"/>
          <a:ext cx="9312374" cy="98325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95668" tIns="24130" rIns="135128" bIns="24130" numCol="1" spcCol="1270" anchor="t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1500" kern="1200"/>
            <a:t>Open an account on </a:t>
          </a:r>
          <a:r>
            <a:rPr lang="en-US" sz="1500" kern="1200">
              <a:hlinkClick xmlns:r="http://schemas.openxmlformats.org/officeDocument/2006/relationships" r:id="rId6"/>
            </a:rPr>
            <a:t>GitHub</a:t>
          </a:r>
          <a:r>
            <a:rPr lang="en-US" sz="1500" kern="1200"/>
            <a:t> (use @tec.mx e-mail)</a:t>
          </a:r>
          <a:endParaRPr lang="en-DK" sz="1500" kern="120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1500" kern="1200"/>
            <a:t>Create a repository for the class</a:t>
          </a:r>
          <a:endParaRPr lang="en-DK" sz="1500" kern="120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1500" kern="1200">
              <a:hlinkClick xmlns:r="http://schemas.openxmlformats.org/officeDocument/2006/relationships" r:id="rId7"/>
            </a:rPr>
            <a:t>Download and install GitKraken </a:t>
          </a:r>
          <a:endParaRPr lang="en-DK" sz="1500" kern="120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1500" kern="1200">
              <a:hlinkClick xmlns:r="http://schemas.openxmlformats.org/officeDocument/2006/relationships" r:id="rId8"/>
            </a:rPr>
            <a:t>Make sure you can push your files from GitKraken </a:t>
          </a:r>
          <a:r>
            <a:rPr lang="en-US" sz="1500" kern="1200"/>
            <a:t>to your repository</a:t>
          </a:r>
          <a:endParaRPr lang="en-DK" sz="1500" kern="1200"/>
        </a:p>
      </dsp:txBody>
      <dsp:txXfrm>
        <a:off x="0" y="3525791"/>
        <a:ext cx="9312374" cy="983250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027E2D42-EFAD-476E-8288-B7C6FC9BC009}">
      <dsp:nvSpPr>
        <dsp:cNvPr id="0" name=""/>
        <dsp:cNvSpPr/>
      </dsp:nvSpPr>
      <dsp:spPr>
        <a:xfrm rot="10800000">
          <a:off x="1054269" y="1077"/>
          <a:ext cx="2931643" cy="1263393"/>
        </a:xfrm>
        <a:prstGeom prst="homePlate">
          <a:avLst/>
        </a:prstGeom>
        <a:gradFill rotWithShape="0">
          <a:gsLst>
            <a:gs pos="0">
              <a:schemeClr val="accent3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3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3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557121" tIns="49530" rIns="92456" bIns="49530" numCol="1" spcCol="1270" anchor="ctr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/>
            <a:t>1</a:t>
          </a:r>
          <a:r>
            <a:rPr lang="en-US" sz="1300" kern="1200" baseline="30000"/>
            <a:t>st</a:t>
          </a:r>
          <a:r>
            <a:rPr lang="en-US" sz="1300" kern="1200"/>
            <a:t> Term</a:t>
          </a:r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+mj-lt"/>
            <a:buAutoNum type="arabicPeriod"/>
          </a:pPr>
          <a:r>
            <a:rPr lang="en-US" sz="1000" kern="1200"/>
            <a:t>Introduction to microcontrollers</a:t>
          </a:r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+mj-lt"/>
            <a:buAutoNum type="arabicPeriod"/>
          </a:pPr>
          <a:r>
            <a:rPr lang="en-US" sz="1000" kern="1200"/>
            <a:t>PIC18 microcontroller architecture</a:t>
          </a:r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+mj-lt"/>
            <a:buAutoNum type="arabicPeriod"/>
          </a:pPr>
          <a:r>
            <a:rPr lang="en-US" sz="1000" kern="1200"/>
            <a:t>Memory organization in microcontrollers</a:t>
          </a:r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+mj-lt"/>
            <a:buAutoNum type="arabicPeriod"/>
          </a:pPr>
          <a:r>
            <a:rPr lang="en-US" sz="1000" kern="1200"/>
            <a:t>Assembly language for PIC18</a:t>
          </a:r>
        </a:p>
      </dsp:txBody>
      <dsp:txXfrm rot="10800000">
        <a:off x="1370117" y="1077"/>
        <a:ext cx="2615795" cy="1263393"/>
      </dsp:txXfrm>
    </dsp:sp>
    <dsp:sp modelId="{6F1F02BC-A43B-4FE1-AD67-773826FA9563}">
      <dsp:nvSpPr>
        <dsp:cNvPr id="0" name=""/>
        <dsp:cNvSpPr/>
      </dsp:nvSpPr>
      <dsp:spPr>
        <a:xfrm>
          <a:off x="422573" y="1077"/>
          <a:ext cx="1263393" cy="1263393"/>
        </a:xfrm>
        <a:prstGeom prst="ellipse">
          <a:avLst/>
        </a:prstGeom>
        <a:blipFill rotWithShape="1"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B6102B3A-55CC-4E54-B075-BC90ECD31D9D}">
      <dsp:nvSpPr>
        <dsp:cNvPr id="0" name=""/>
        <dsp:cNvSpPr/>
      </dsp:nvSpPr>
      <dsp:spPr>
        <a:xfrm rot="10800000">
          <a:off x="1054269" y="1641603"/>
          <a:ext cx="2931643" cy="1263393"/>
        </a:xfrm>
        <a:prstGeom prst="homePlate">
          <a:avLst/>
        </a:prstGeom>
        <a:gradFill rotWithShape="0">
          <a:gsLst>
            <a:gs pos="0">
              <a:schemeClr val="accent3">
                <a:hueOff val="2593204"/>
                <a:satOff val="-11244"/>
                <a:lumOff val="-14117"/>
                <a:alphaOff val="0"/>
                <a:shade val="51000"/>
                <a:satMod val="130000"/>
              </a:schemeClr>
            </a:gs>
            <a:gs pos="80000">
              <a:schemeClr val="accent3">
                <a:hueOff val="2593204"/>
                <a:satOff val="-11244"/>
                <a:lumOff val="-14117"/>
                <a:alphaOff val="0"/>
                <a:shade val="93000"/>
                <a:satMod val="130000"/>
              </a:schemeClr>
            </a:gs>
            <a:gs pos="100000">
              <a:schemeClr val="accent3">
                <a:hueOff val="2593204"/>
                <a:satOff val="-11244"/>
                <a:lumOff val="-14117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557121" tIns="49530" rIns="92456" bIns="49530" numCol="1" spcCol="1270" anchor="ctr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/>
            <a:t>2</a:t>
          </a:r>
          <a:r>
            <a:rPr lang="en-US" sz="1300" kern="1200" baseline="30000"/>
            <a:t>nd</a:t>
          </a:r>
          <a:r>
            <a:rPr lang="en-US" sz="1300" kern="1200"/>
            <a:t> Term</a:t>
          </a:r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+mj-lt"/>
            <a:buAutoNum type="arabicPeriod"/>
          </a:pPr>
          <a:r>
            <a:rPr lang="en-US" sz="1000" kern="1200"/>
            <a:t>Embedded programming with C</a:t>
          </a:r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+mj-lt"/>
            <a:buAutoNum type="arabicPeriod"/>
          </a:pPr>
          <a:r>
            <a:rPr lang="en-US" sz="1000" kern="1200"/>
            <a:t>General-purpose input/output (GPIO)</a:t>
          </a:r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+mj-lt"/>
            <a:buAutoNum type="arabicPeriod"/>
          </a:pPr>
          <a:r>
            <a:rPr lang="en-US" sz="1000" kern="1200"/>
            <a:t>Hardware interrupts and interrupt service</a:t>
          </a:r>
        </a:p>
      </dsp:txBody>
      <dsp:txXfrm rot="10800000">
        <a:off x="1370117" y="1641603"/>
        <a:ext cx="2615795" cy="1263393"/>
      </dsp:txXfrm>
    </dsp:sp>
    <dsp:sp modelId="{684A3F30-E17B-42E2-87D5-D2FDBE9A128A}">
      <dsp:nvSpPr>
        <dsp:cNvPr id="0" name=""/>
        <dsp:cNvSpPr/>
      </dsp:nvSpPr>
      <dsp:spPr>
        <a:xfrm>
          <a:off x="422573" y="1641603"/>
          <a:ext cx="1263393" cy="1263393"/>
        </a:xfrm>
        <a:prstGeom prst="ellipse">
          <a:avLst/>
        </a:prstGeom>
        <a:blipFill rotWithShape="1">
          <a:blip xmlns:r="http://schemas.openxmlformats.org/officeDocument/2006/relationships"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14000" r="-14000"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B876E025-262E-4776-BF2C-CB36E5D6DBAD}">
      <dsp:nvSpPr>
        <dsp:cNvPr id="0" name=""/>
        <dsp:cNvSpPr/>
      </dsp:nvSpPr>
      <dsp:spPr>
        <a:xfrm rot="10800000">
          <a:off x="1054269" y="3282128"/>
          <a:ext cx="2931643" cy="1263393"/>
        </a:xfrm>
        <a:prstGeom prst="homePlate">
          <a:avLst/>
        </a:prstGeom>
        <a:gradFill rotWithShape="0">
          <a:gsLst>
            <a:gs pos="0">
              <a:schemeClr val="accent3">
                <a:hueOff val="5186408"/>
                <a:satOff val="-22488"/>
                <a:lumOff val="-28234"/>
                <a:alphaOff val="0"/>
                <a:shade val="51000"/>
                <a:satMod val="130000"/>
              </a:schemeClr>
            </a:gs>
            <a:gs pos="80000">
              <a:schemeClr val="accent3">
                <a:hueOff val="5186408"/>
                <a:satOff val="-22488"/>
                <a:lumOff val="-28234"/>
                <a:alphaOff val="0"/>
                <a:shade val="93000"/>
                <a:satMod val="130000"/>
              </a:schemeClr>
            </a:gs>
            <a:gs pos="100000">
              <a:schemeClr val="accent3">
                <a:hueOff val="5186408"/>
                <a:satOff val="-22488"/>
                <a:lumOff val="-28234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557121" tIns="49530" rIns="92456" bIns="49530" numCol="1" spcCol="1270" anchor="ctr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/>
            <a:t>Final Term</a:t>
          </a:r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+mj-lt"/>
            <a:buAutoNum type="arabicPeriod"/>
          </a:pPr>
          <a:r>
            <a:rPr lang="en-US" sz="1000" kern="1200"/>
            <a:t>Use of timers</a:t>
          </a:r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+mj-lt"/>
            <a:buAutoNum type="arabicPeriod"/>
          </a:pPr>
          <a:r>
            <a:rPr lang="en-US" sz="1000" kern="1200"/>
            <a:t>Analog to digital conversion</a:t>
          </a:r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+mj-lt"/>
            <a:buAutoNum type="arabicPeriod"/>
          </a:pPr>
          <a:r>
            <a:rPr lang="en-US" sz="1000" kern="1200"/>
            <a:t>Serial communications</a:t>
          </a:r>
          <a:endParaRPr lang="LID4096" sz="1000" kern="1200"/>
        </a:p>
      </dsp:txBody>
      <dsp:txXfrm rot="10800000">
        <a:off x="1370117" y="3282128"/>
        <a:ext cx="2615795" cy="1263393"/>
      </dsp:txXfrm>
    </dsp:sp>
    <dsp:sp modelId="{65A7ED05-C885-43FA-80E9-B69871CBF979}">
      <dsp:nvSpPr>
        <dsp:cNvPr id="0" name=""/>
        <dsp:cNvSpPr/>
      </dsp:nvSpPr>
      <dsp:spPr>
        <a:xfrm>
          <a:off x="422573" y="3282128"/>
          <a:ext cx="1263393" cy="1263393"/>
        </a:xfrm>
        <a:prstGeom prst="ellipse">
          <a:avLst/>
        </a:prstGeom>
        <a:blipFill rotWithShape="1"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14000" r="-14000"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</dsp:spTree>
</dsp:drawing>
</file>

<file path=ppt/diagrams/drawing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F48DF7EB-4443-4A43-ADCF-8AEF215EAF7B}">
      <dsp:nvSpPr>
        <dsp:cNvPr id="0" name=""/>
        <dsp:cNvSpPr/>
      </dsp:nvSpPr>
      <dsp:spPr>
        <a:xfrm>
          <a:off x="1460" y="3658222"/>
          <a:ext cx="6009745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4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4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4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82880" tIns="182880" rIns="182880" bIns="182880" numCol="1" spcCol="1270" anchor="ctr" anchorCtr="0">
          <a:noAutofit/>
        </a:bodyPr>
        <a:lstStyle/>
        <a:p>
          <a:pPr marL="0" lvl="0" indent="0" algn="ctr" defTabSz="2133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4800" kern="1200"/>
            <a:t>PIC18 Architecture</a:t>
          </a:r>
          <a:endParaRPr lang="LID4096" sz="4800" kern="1200"/>
        </a:p>
      </dsp:txBody>
      <dsp:txXfrm>
        <a:off x="26385" y="3683147"/>
        <a:ext cx="5959895" cy="801145"/>
      </dsp:txXfrm>
    </dsp:sp>
    <dsp:sp modelId="{7E5A7BE3-C5F0-4729-A224-BABAC921A80A}">
      <dsp:nvSpPr>
        <dsp:cNvPr id="0" name=""/>
        <dsp:cNvSpPr/>
      </dsp:nvSpPr>
      <dsp:spPr>
        <a:xfrm>
          <a:off x="1460" y="2743683"/>
          <a:ext cx="3302372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6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6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6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/>
            <a:t>Memory Organization</a:t>
          </a:r>
          <a:endParaRPr lang="LID4096" sz="2400" kern="1200"/>
        </a:p>
      </dsp:txBody>
      <dsp:txXfrm>
        <a:off x="26385" y="2768608"/>
        <a:ext cx="3252522" cy="801145"/>
      </dsp:txXfrm>
    </dsp:sp>
    <dsp:sp modelId="{02B342C1-461D-4AF4-998E-654D4E133E76}">
      <dsp:nvSpPr>
        <dsp:cNvPr id="0" name=""/>
        <dsp:cNvSpPr/>
      </dsp:nvSpPr>
      <dsp:spPr>
        <a:xfrm>
          <a:off x="1460" y="1829143"/>
          <a:ext cx="3302372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/>
            <a:t>Data memory</a:t>
          </a:r>
          <a:endParaRPr lang="LID4096" sz="2000" kern="1200"/>
        </a:p>
      </dsp:txBody>
      <dsp:txXfrm>
        <a:off x="26385" y="1854068"/>
        <a:ext cx="3252522" cy="801145"/>
      </dsp:txXfrm>
    </dsp:sp>
    <dsp:sp modelId="{0B3A7D78-ED29-4D94-806C-64DE44513DBA}">
      <dsp:nvSpPr>
        <dsp:cNvPr id="0" name=""/>
        <dsp:cNvSpPr/>
      </dsp:nvSpPr>
      <dsp:spPr>
        <a:xfrm>
          <a:off x="1460" y="914604"/>
          <a:ext cx="2639169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00" kern="1200"/>
            <a:t>SFRs</a:t>
          </a:r>
          <a:endParaRPr lang="LID4096" sz="800" kern="1200"/>
        </a:p>
      </dsp:txBody>
      <dsp:txXfrm>
        <a:off x="26385" y="939529"/>
        <a:ext cx="2589319" cy="801145"/>
      </dsp:txXfrm>
    </dsp:sp>
    <dsp:sp modelId="{107291FA-1084-46AD-9FBF-91B638419F43}">
      <dsp:nvSpPr>
        <dsp:cNvPr id="0" name=""/>
        <dsp:cNvSpPr/>
      </dsp:nvSpPr>
      <dsp:spPr>
        <a:xfrm>
          <a:off x="1460" y="65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800" kern="1200"/>
            <a:t>Timers</a:t>
          </a:r>
          <a:endParaRPr lang="LID4096" sz="800" kern="1200"/>
        </a:p>
      </dsp:txBody>
      <dsp:txXfrm>
        <a:off x="20485" y="19090"/>
        <a:ext cx="611511" cy="812945"/>
      </dsp:txXfrm>
    </dsp:sp>
    <dsp:sp modelId="{3DA9DDEE-B112-4B28-BE0B-70F032816012}">
      <dsp:nvSpPr>
        <dsp:cNvPr id="0" name=""/>
        <dsp:cNvSpPr/>
      </dsp:nvSpPr>
      <dsp:spPr>
        <a:xfrm>
          <a:off x="664663" y="65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800" kern="1200"/>
            <a:t>Interrupts</a:t>
          </a:r>
          <a:endParaRPr lang="LID4096" sz="800" kern="1200"/>
        </a:p>
      </dsp:txBody>
      <dsp:txXfrm>
        <a:off x="683688" y="19090"/>
        <a:ext cx="611511" cy="812945"/>
      </dsp:txXfrm>
    </dsp:sp>
    <dsp:sp modelId="{5E90E65C-05D2-43C2-AF47-9F61F38FE939}">
      <dsp:nvSpPr>
        <dsp:cNvPr id="0" name=""/>
        <dsp:cNvSpPr/>
      </dsp:nvSpPr>
      <dsp:spPr>
        <a:xfrm>
          <a:off x="1327865" y="65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800" kern="1200"/>
            <a:t>ADC</a:t>
          </a:r>
          <a:endParaRPr lang="LID4096" sz="800" kern="1200"/>
        </a:p>
      </dsp:txBody>
      <dsp:txXfrm>
        <a:off x="1346890" y="19090"/>
        <a:ext cx="611511" cy="812945"/>
      </dsp:txXfrm>
    </dsp:sp>
    <dsp:sp modelId="{8A49514D-4F3F-401F-9B1D-04636ECBB4F8}">
      <dsp:nvSpPr>
        <dsp:cNvPr id="0" name=""/>
        <dsp:cNvSpPr/>
      </dsp:nvSpPr>
      <dsp:spPr>
        <a:xfrm>
          <a:off x="1991068" y="65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800" kern="1200"/>
            <a:t>Serial Tx/Rx</a:t>
          </a:r>
          <a:endParaRPr lang="LID4096" sz="800" kern="1200"/>
        </a:p>
      </dsp:txBody>
      <dsp:txXfrm>
        <a:off x="2010093" y="19090"/>
        <a:ext cx="611511" cy="812945"/>
      </dsp:txXfrm>
    </dsp:sp>
    <dsp:sp modelId="{9CCCB74C-FC0D-441A-906F-FF4E14407152}">
      <dsp:nvSpPr>
        <dsp:cNvPr id="0" name=""/>
        <dsp:cNvSpPr/>
      </dsp:nvSpPr>
      <dsp:spPr>
        <a:xfrm>
          <a:off x="2654271" y="914604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00" kern="1200"/>
            <a:t>GPRs</a:t>
          </a:r>
          <a:endParaRPr lang="LID4096" sz="800" kern="1200"/>
        </a:p>
      </dsp:txBody>
      <dsp:txXfrm>
        <a:off x="2673296" y="933629"/>
        <a:ext cx="611511" cy="812945"/>
      </dsp:txXfrm>
    </dsp:sp>
    <dsp:sp modelId="{F0AD0BF6-8341-4894-89D4-77795B63C810}">
      <dsp:nvSpPr>
        <dsp:cNvPr id="0" name=""/>
        <dsp:cNvSpPr/>
      </dsp:nvSpPr>
      <dsp:spPr>
        <a:xfrm>
          <a:off x="2654271" y="65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800" kern="1200"/>
            <a:t>User data</a:t>
          </a:r>
          <a:endParaRPr lang="LID4096" sz="800" kern="1200"/>
        </a:p>
      </dsp:txBody>
      <dsp:txXfrm>
        <a:off x="2673296" y="19090"/>
        <a:ext cx="611511" cy="812945"/>
      </dsp:txXfrm>
    </dsp:sp>
    <dsp:sp modelId="{C928F4EB-E4D2-4F7C-839D-E3273CE48863}">
      <dsp:nvSpPr>
        <dsp:cNvPr id="0" name=""/>
        <dsp:cNvSpPr/>
      </dsp:nvSpPr>
      <dsp:spPr>
        <a:xfrm>
          <a:off x="3358395" y="2743683"/>
          <a:ext cx="2652810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6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6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6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/>
            <a:t>Instruction Set</a:t>
          </a:r>
          <a:endParaRPr lang="LID4096" sz="2400" kern="1200"/>
        </a:p>
      </dsp:txBody>
      <dsp:txXfrm>
        <a:off x="3383320" y="2768608"/>
        <a:ext cx="2602960" cy="801145"/>
      </dsp:txXfrm>
    </dsp:sp>
    <dsp:sp modelId="{9CD93B34-A40C-40AD-899D-9E7C4C8A689F}">
      <dsp:nvSpPr>
        <dsp:cNvPr id="0" name=""/>
        <dsp:cNvSpPr/>
      </dsp:nvSpPr>
      <dsp:spPr>
        <a:xfrm>
          <a:off x="3358395" y="1829143"/>
          <a:ext cx="1312764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2000" kern="1200"/>
            <a:t>Software</a:t>
          </a:r>
          <a:endParaRPr lang="LID4096" sz="2000" kern="1200"/>
        </a:p>
      </dsp:txBody>
      <dsp:txXfrm>
        <a:off x="3383320" y="1854068"/>
        <a:ext cx="1262914" cy="801145"/>
      </dsp:txXfrm>
    </dsp:sp>
    <dsp:sp modelId="{A8A957E1-5DDF-40AD-93B2-710E31117D0A}">
      <dsp:nvSpPr>
        <dsp:cNvPr id="0" name=""/>
        <dsp:cNvSpPr/>
      </dsp:nvSpPr>
      <dsp:spPr>
        <a:xfrm>
          <a:off x="3358395" y="914604"/>
          <a:ext cx="1312764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800" kern="1200"/>
            <a:t>Integrated Development Environment</a:t>
          </a:r>
          <a:endParaRPr lang="LID4096" sz="800" kern="1200"/>
        </a:p>
      </dsp:txBody>
      <dsp:txXfrm>
        <a:off x="3383320" y="939529"/>
        <a:ext cx="1262914" cy="801145"/>
      </dsp:txXfrm>
    </dsp:sp>
    <dsp:sp modelId="{B4871FD2-92D7-44C9-A6F8-2E7219F3EF28}">
      <dsp:nvSpPr>
        <dsp:cNvPr id="0" name=""/>
        <dsp:cNvSpPr/>
      </dsp:nvSpPr>
      <dsp:spPr>
        <a:xfrm>
          <a:off x="3358395" y="65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00" kern="1200"/>
            <a:t>PIC-AS</a:t>
          </a:r>
          <a:endParaRPr lang="LID4096" sz="800" kern="1200"/>
        </a:p>
      </dsp:txBody>
      <dsp:txXfrm>
        <a:off x="3377420" y="19090"/>
        <a:ext cx="611511" cy="812945"/>
      </dsp:txXfrm>
    </dsp:sp>
    <dsp:sp modelId="{7A716F6E-FA99-407A-84CA-A16E8E013BE1}">
      <dsp:nvSpPr>
        <dsp:cNvPr id="0" name=""/>
        <dsp:cNvSpPr/>
      </dsp:nvSpPr>
      <dsp:spPr>
        <a:xfrm>
          <a:off x="4021598" y="65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800" kern="1200"/>
            <a:t>Embedded C</a:t>
          </a:r>
          <a:endParaRPr lang="LID4096" sz="800" kern="1200"/>
        </a:p>
      </dsp:txBody>
      <dsp:txXfrm>
        <a:off x="4040623" y="19090"/>
        <a:ext cx="611511" cy="812945"/>
      </dsp:txXfrm>
    </dsp:sp>
    <dsp:sp modelId="{F9395C3E-51F0-418E-818D-2EC0F700CCC6}">
      <dsp:nvSpPr>
        <dsp:cNvPr id="0" name=""/>
        <dsp:cNvSpPr/>
      </dsp:nvSpPr>
      <dsp:spPr>
        <a:xfrm>
          <a:off x="4698441" y="1829143"/>
          <a:ext cx="1312764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2000" kern="1200"/>
            <a:t>Hardware</a:t>
          </a:r>
          <a:endParaRPr lang="LID4096" sz="2000" kern="1200"/>
        </a:p>
      </dsp:txBody>
      <dsp:txXfrm>
        <a:off x="4723366" y="1854068"/>
        <a:ext cx="1262914" cy="801145"/>
      </dsp:txXfrm>
    </dsp:sp>
    <dsp:sp modelId="{10D0D82C-B251-4940-B46C-D14BB3D32077}">
      <dsp:nvSpPr>
        <dsp:cNvPr id="0" name=""/>
        <dsp:cNvSpPr/>
      </dsp:nvSpPr>
      <dsp:spPr>
        <a:xfrm>
          <a:off x="4698441" y="914604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00" kern="1200"/>
            <a:t>Curiosity Nano Board</a:t>
          </a:r>
          <a:endParaRPr lang="LID4096" sz="800" kern="1200"/>
        </a:p>
      </dsp:txBody>
      <dsp:txXfrm>
        <a:off x="4717466" y="933629"/>
        <a:ext cx="611511" cy="812945"/>
      </dsp:txXfrm>
    </dsp:sp>
    <dsp:sp modelId="{B0C033D6-7B9D-4BB9-A8E6-91F3BF09EBD1}">
      <dsp:nvSpPr>
        <dsp:cNvPr id="0" name=""/>
        <dsp:cNvSpPr/>
      </dsp:nvSpPr>
      <dsp:spPr>
        <a:xfrm>
          <a:off x="4698441" y="65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00" kern="1200"/>
            <a:t>GPIO</a:t>
          </a:r>
          <a:endParaRPr lang="LID4096" sz="800" kern="1200"/>
        </a:p>
      </dsp:txBody>
      <dsp:txXfrm>
        <a:off x="4717466" y="19090"/>
        <a:ext cx="611511" cy="812945"/>
      </dsp:txXfrm>
    </dsp:sp>
    <dsp:sp modelId="{C420B4D1-3819-4581-9A47-BC739944AE56}">
      <dsp:nvSpPr>
        <dsp:cNvPr id="0" name=""/>
        <dsp:cNvSpPr/>
      </dsp:nvSpPr>
      <dsp:spPr>
        <a:xfrm>
          <a:off x="5361644" y="914604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800" kern="1200"/>
            <a:t>Expansion Board</a:t>
          </a:r>
          <a:endParaRPr lang="LID4096" sz="800" kern="1200"/>
        </a:p>
      </dsp:txBody>
      <dsp:txXfrm>
        <a:off x="5380669" y="933629"/>
        <a:ext cx="611511" cy="812945"/>
      </dsp:txXfrm>
    </dsp:sp>
    <dsp:sp modelId="{E0E17466-8EBA-43FF-867F-7B3CECF082DB}">
      <dsp:nvSpPr>
        <dsp:cNvPr id="0" name=""/>
        <dsp:cNvSpPr/>
      </dsp:nvSpPr>
      <dsp:spPr>
        <a:xfrm>
          <a:off x="5361644" y="65"/>
          <a:ext cx="649561" cy="850995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0480" tIns="30480" rIns="30480" bIns="3048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00" kern="1200"/>
            <a:t>Peripherals</a:t>
          </a:r>
          <a:endParaRPr lang="LID4096" sz="800" kern="1200"/>
        </a:p>
      </dsp:txBody>
      <dsp:txXfrm>
        <a:off x="5380669" y="19090"/>
        <a:ext cx="611511" cy="812945"/>
      </dsp:txXfrm>
    </dsp:sp>
  </dsp:spTree>
</dsp:drawing>
</file>

<file path=ppt/diagrams/drawing6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796FF07-196F-40CB-9105-7C302EE84F7D}">
      <dsp:nvSpPr>
        <dsp:cNvPr id="0" name=""/>
        <dsp:cNvSpPr/>
      </dsp:nvSpPr>
      <dsp:spPr>
        <a:xfrm>
          <a:off x="0" y="3421271"/>
          <a:ext cx="9312275" cy="1122937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6464" tIns="156464" rIns="156464" bIns="156464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200" kern="1200"/>
            <a:t>FINAL TERM</a:t>
          </a:r>
          <a:endParaRPr lang="LID4096" sz="2200" kern="1200"/>
        </a:p>
      </dsp:txBody>
      <dsp:txXfrm>
        <a:off x="0" y="3421271"/>
        <a:ext cx="9312275" cy="606386"/>
      </dsp:txXfrm>
    </dsp:sp>
    <dsp:sp modelId="{184F4450-CBD1-4874-98B2-788D4E9770DA}">
      <dsp:nvSpPr>
        <dsp:cNvPr id="0" name=""/>
        <dsp:cNvSpPr/>
      </dsp:nvSpPr>
      <dsp:spPr>
        <a:xfrm>
          <a:off x="4547" y="4005198"/>
          <a:ext cx="3101060" cy="516551"/>
        </a:xfrm>
        <a:prstGeom prst="rect">
          <a:avLst/>
        </a:prstGeom>
        <a:solidFill>
          <a:schemeClr val="accent2">
            <a:tint val="40000"/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2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21590" rIns="120904" bIns="2159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Use of timers</a:t>
          </a:r>
          <a:endParaRPr lang="LID4096" sz="1700" kern="1200"/>
        </a:p>
      </dsp:txBody>
      <dsp:txXfrm>
        <a:off x="4547" y="4005198"/>
        <a:ext cx="3101060" cy="516551"/>
      </dsp:txXfrm>
    </dsp:sp>
    <dsp:sp modelId="{DD93AF2A-F9F0-404A-9AAF-64E973FDE176}">
      <dsp:nvSpPr>
        <dsp:cNvPr id="0" name=""/>
        <dsp:cNvSpPr/>
      </dsp:nvSpPr>
      <dsp:spPr>
        <a:xfrm>
          <a:off x="3105607" y="4005198"/>
          <a:ext cx="3101060" cy="516551"/>
        </a:xfrm>
        <a:prstGeom prst="rect">
          <a:avLst/>
        </a:prstGeom>
        <a:solidFill>
          <a:schemeClr val="accent3">
            <a:tint val="40000"/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21590" rIns="120904" bIns="2159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Analog to digital conversion</a:t>
          </a:r>
          <a:endParaRPr lang="LID4096" sz="1700" kern="1200"/>
        </a:p>
      </dsp:txBody>
      <dsp:txXfrm>
        <a:off x="3105607" y="4005198"/>
        <a:ext cx="3101060" cy="516551"/>
      </dsp:txXfrm>
    </dsp:sp>
    <dsp:sp modelId="{E55ECE99-08B5-40EB-8231-6521FAC6413F}">
      <dsp:nvSpPr>
        <dsp:cNvPr id="0" name=""/>
        <dsp:cNvSpPr/>
      </dsp:nvSpPr>
      <dsp:spPr>
        <a:xfrm>
          <a:off x="6206667" y="4005198"/>
          <a:ext cx="3101060" cy="516551"/>
        </a:xfrm>
        <a:prstGeom prst="rect">
          <a:avLst/>
        </a:prstGeom>
        <a:solidFill>
          <a:schemeClr val="accent4">
            <a:tint val="40000"/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4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21590" rIns="120904" bIns="2159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Serial communications</a:t>
          </a:r>
          <a:endParaRPr lang="LID4096" sz="1700" kern="1200"/>
        </a:p>
      </dsp:txBody>
      <dsp:txXfrm>
        <a:off x="6206667" y="4005198"/>
        <a:ext cx="3101060" cy="516551"/>
      </dsp:txXfrm>
    </dsp:sp>
    <dsp:sp modelId="{98D0BE56-2CCA-4377-8A8C-73B1846C6538}">
      <dsp:nvSpPr>
        <dsp:cNvPr id="0" name=""/>
        <dsp:cNvSpPr/>
      </dsp:nvSpPr>
      <dsp:spPr>
        <a:xfrm rot="10800000">
          <a:off x="0" y="1711037"/>
          <a:ext cx="9312275" cy="1727077"/>
        </a:xfrm>
        <a:prstGeom prst="upArrowCallou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6464" tIns="156464" rIns="156464" bIns="156464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200" kern="1200"/>
            <a:t>2</a:t>
          </a:r>
          <a:r>
            <a:rPr lang="en-US" sz="2200" kern="1200" baseline="30000"/>
            <a:t>ND</a:t>
          </a:r>
          <a:r>
            <a:rPr lang="en-US" sz="2200" kern="1200"/>
            <a:t> TERM</a:t>
          </a:r>
          <a:endParaRPr lang="LID4096" sz="2200" kern="1200"/>
        </a:p>
      </dsp:txBody>
      <dsp:txXfrm rot="-10800000">
        <a:off x="0" y="1711037"/>
        <a:ext cx="9312275" cy="606204"/>
      </dsp:txXfrm>
    </dsp:sp>
    <dsp:sp modelId="{2607F263-A156-48CC-9CBD-7B0135B700F5}">
      <dsp:nvSpPr>
        <dsp:cNvPr id="0" name=""/>
        <dsp:cNvSpPr/>
      </dsp:nvSpPr>
      <dsp:spPr>
        <a:xfrm>
          <a:off x="4547" y="2317241"/>
          <a:ext cx="3101060" cy="516396"/>
        </a:xfrm>
        <a:prstGeom prst="rect">
          <a:avLst/>
        </a:prstGeom>
        <a:solidFill>
          <a:schemeClr val="accent5">
            <a:tint val="40000"/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5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21590" rIns="120904" bIns="2159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Embedded programming with C</a:t>
          </a:r>
          <a:endParaRPr lang="LID4096" sz="1700" kern="1200"/>
        </a:p>
      </dsp:txBody>
      <dsp:txXfrm>
        <a:off x="4547" y="2317241"/>
        <a:ext cx="3101060" cy="516396"/>
      </dsp:txXfrm>
    </dsp:sp>
    <dsp:sp modelId="{811AC402-E234-4095-90A7-B22F61B72004}">
      <dsp:nvSpPr>
        <dsp:cNvPr id="0" name=""/>
        <dsp:cNvSpPr/>
      </dsp:nvSpPr>
      <dsp:spPr>
        <a:xfrm>
          <a:off x="3105607" y="2317241"/>
          <a:ext cx="3101060" cy="516396"/>
        </a:xfrm>
        <a:prstGeom prst="rect">
          <a:avLst/>
        </a:prstGeom>
        <a:solidFill>
          <a:schemeClr val="accent6">
            <a:tint val="40000"/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6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21590" rIns="120904" bIns="2159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General-purpose input/output (GPIO)</a:t>
          </a:r>
          <a:endParaRPr lang="LID4096" sz="1700" kern="1200"/>
        </a:p>
      </dsp:txBody>
      <dsp:txXfrm>
        <a:off x="3105607" y="2317241"/>
        <a:ext cx="3101060" cy="516396"/>
      </dsp:txXfrm>
    </dsp:sp>
    <dsp:sp modelId="{5A2C73B6-BFA2-4479-97A9-4D2292441A99}">
      <dsp:nvSpPr>
        <dsp:cNvPr id="0" name=""/>
        <dsp:cNvSpPr/>
      </dsp:nvSpPr>
      <dsp:spPr>
        <a:xfrm>
          <a:off x="6206667" y="2317241"/>
          <a:ext cx="3101060" cy="516396"/>
        </a:xfrm>
        <a:prstGeom prst="rect">
          <a:avLst/>
        </a:prstGeom>
        <a:solidFill>
          <a:schemeClr val="accent2">
            <a:tint val="40000"/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2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21590" rIns="120904" bIns="2159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Hardware interrupts and interrupt service</a:t>
          </a:r>
          <a:endParaRPr lang="LID4096" sz="1700" kern="1200"/>
        </a:p>
      </dsp:txBody>
      <dsp:txXfrm>
        <a:off x="6206667" y="2317241"/>
        <a:ext cx="3101060" cy="516396"/>
      </dsp:txXfrm>
    </dsp:sp>
    <dsp:sp modelId="{5E2D19CB-6635-4059-8941-099959F9C2B4}">
      <dsp:nvSpPr>
        <dsp:cNvPr id="0" name=""/>
        <dsp:cNvSpPr/>
      </dsp:nvSpPr>
      <dsp:spPr>
        <a:xfrm rot="10800000">
          <a:off x="0" y="803"/>
          <a:ext cx="9312275" cy="1727077"/>
        </a:xfrm>
        <a:prstGeom prst="upArrowCallout">
          <a:avLst/>
        </a:prstGeom>
        <a:solidFill>
          <a:schemeClr val="accent4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6464" tIns="156464" rIns="156464" bIns="156464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200" kern="1200"/>
            <a:t>1</a:t>
          </a:r>
          <a:r>
            <a:rPr lang="en-US" sz="2200" kern="1200" baseline="30000"/>
            <a:t>ST</a:t>
          </a:r>
          <a:r>
            <a:rPr lang="en-US" sz="2200" kern="1200"/>
            <a:t> TERM</a:t>
          </a:r>
          <a:endParaRPr lang="LID4096" sz="2200" kern="1200"/>
        </a:p>
      </dsp:txBody>
      <dsp:txXfrm rot="-10800000">
        <a:off x="0" y="803"/>
        <a:ext cx="9312275" cy="606204"/>
      </dsp:txXfrm>
    </dsp:sp>
    <dsp:sp modelId="{1770F477-9856-45FA-A37F-8D694534A0DF}">
      <dsp:nvSpPr>
        <dsp:cNvPr id="0" name=""/>
        <dsp:cNvSpPr/>
      </dsp:nvSpPr>
      <dsp:spPr>
        <a:xfrm>
          <a:off x="0" y="607007"/>
          <a:ext cx="2328068" cy="516396"/>
        </a:xfrm>
        <a:prstGeom prst="rect">
          <a:avLst/>
        </a:prstGeom>
        <a:solidFill>
          <a:schemeClr val="accent3">
            <a:tint val="40000"/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21590" rIns="120904" bIns="2159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Introduction to microcontrollers</a:t>
          </a:r>
          <a:endParaRPr lang="LID4096" sz="1700" kern="1200"/>
        </a:p>
      </dsp:txBody>
      <dsp:txXfrm>
        <a:off x="0" y="607007"/>
        <a:ext cx="2328068" cy="516396"/>
      </dsp:txXfrm>
    </dsp:sp>
    <dsp:sp modelId="{60E538D1-C8DC-4309-A513-FA7BB5E70648}">
      <dsp:nvSpPr>
        <dsp:cNvPr id="0" name=""/>
        <dsp:cNvSpPr/>
      </dsp:nvSpPr>
      <dsp:spPr>
        <a:xfrm>
          <a:off x="2328068" y="607007"/>
          <a:ext cx="2328068" cy="516396"/>
        </a:xfrm>
        <a:prstGeom prst="rect">
          <a:avLst/>
        </a:prstGeom>
        <a:solidFill>
          <a:schemeClr val="accent4">
            <a:tint val="40000"/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4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21590" rIns="120904" bIns="2159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PIC18 microcontroller architecture</a:t>
          </a:r>
          <a:endParaRPr lang="LID4096" sz="1700" kern="1200"/>
        </a:p>
      </dsp:txBody>
      <dsp:txXfrm>
        <a:off x="2328068" y="607007"/>
        <a:ext cx="2328068" cy="516396"/>
      </dsp:txXfrm>
    </dsp:sp>
    <dsp:sp modelId="{D0BD5964-2AC8-4BBA-852B-66DD2ACAC9BD}">
      <dsp:nvSpPr>
        <dsp:cNvPr id="0" name=""/>
        <dsp:cNvSpPr/>
      </dsp:nvSpPr>
      <dsp:spPr>
        <a:xfrm>
          <a:off x="4656137" y="607007"/>
          <a:ext cx="2328068" cy="516396"/>
        </a:xfrm>
        <a:prstGeom prst="rect">
          <a:avLst/>
        </a:prstGeom>
        <a:solidFill>
          <a:schemeClr val="accent5">
            <a:tint val="40000"/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5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21590" rIns="120904" bIns="2159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Memory organization of PIC18</a:t>
          </a:r>
          <a:endParaRPr lang="LID4096" sz="1700" kern="1200"/>
        </a:p>
      </dsp:txBody>
      <dsp:txXfrm>
        <a:off x="4656137" y="607007"/>
        <a:ext cx="2328068" cy="516396"/>
      </dsp:txXfrm>
    </dsp:sp>
    <dsp:sp modelId="{71EABD67-D9D8-44CA-8A2C-79175F538323}">
      <dsp:nvSpPr>
        <dsp:cNvPr id="0" name=""/>
        <dsp:cNvSpPr/>
      </dsp:nvSpPr>
      <dsp:spPr>
        <a:xfrm>
          <a:off x="6984206" y="607007"/>
          <a:ext cx="2328068" cy="516396"/>
        </a:xfrm>
        <a:prstGeom prst="rect">
          <a:avLst/>
        </a:prstGeom>
        <a:solidFill>
          <a:schemeClr val="accent6">
            <a:tint val="40000"/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6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21590" rIns="120904" bIns="21590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/>
            <a:t>Assembly programming</a:t>
          </a:r>
          <a:endParaRPr lang="LID4096" sz="1700" kern="1200"/>
        </a:p>
      </dsp:txBody>
      <dsp:txXfrm>
        <a:off x="6984206" y="607007"/>
        <a:ext cx="2328068" cy="516396"/>
      </dsp:txXfrm>
    </dsp:sp>
  </dsp:spTree>
</dsp:drawing>
</file>

<file path=ppt/diagrams/drawing7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C3794A6E-D69D-4960-AC9D-9D7BAA36B58E}">
      <dsp:nvSpPr>
        <dsp:cNvPr id="0" name=""/>
        <dsp:cNvSpPr/>
      </dsp:nvSpPr>
      <dsp:spPr>
        <a:xfrm>
          <a:off x="1482" y="3465953"/>
          <a:ext cx="3165387" cy="83212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4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4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4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40970" tIns="140970" rIns="140970" bIns="140970" numCol="1" spcCol="1270" anchor="ctr" anchorCtr="0">
          <a:noAutofit/>
        </a:bodyPr>
        <a:lstStyle/>
        <a:p>
          <a:pPr marL="0" lvl="0" indent="0" algn="ctr" defTabSz="1644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700" kern="1200"/>
            <a:t>PIC18</a:t>
          </a:r>
          <a:endParaRPr lang="LID4096" sz="3700" kern="1200"/>
        </a:p>
      </dsp:txBody>
      <dsp:txXfrm>
        <a:off x="25854" y="3490325"/>
        <a:ext cx="3116643" cy="783385"/>
      </dsp:txXfrm>
    </dsp:sp>
    <dsp:sp modelId="{E1D6B288-D72F-45B8-B9F3-4BBA469FDC05}">
      <dsp:nvSpPr>
        <dsp:cNvPr id="0" name=""/>
        <dsp:cNvSpPr/>
      </dsp:nvSpPr>
      <dsp:spPr>
        <a:xfrm>
          <a:off x="1482" y="2599472"/>
          <a:ext cx="3165387" cy="83212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6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6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6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33350" tIns="133350" rIns="133350" bIns="133350" numCol="1" spcCol="1270" anchor="ctr" anchorCtr="0">
          <a:noAutofit/>
        </a:bodyPr>
        <a:lstStyle/>
        <a:p>
          <a:pPr marL="0" lvl="0" indent="0" algn="ctr" defTabSz="1555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500" kern="1200"/>
            <a:t>Instruction Set</a:t>
          </a:r>
          <a:endParaRPr lang="LID4096" sz="3500" kern="1200"/>
        </a:p>
      </dsp:txBody>
      <dsp:txXfrm>
        <a:off x="25854" y="2623844"/>
        <a:ext cx="3116643" cy="783385"/>
      </dsp:txXfrm>
    </dsp:sp>
    <dsp:sp modelId="{30B571F3-2183-471A-8AA8-823BD3FF7BE2}">
      <dsp:nvSpPr>
        <dsp:cNvPr id="0" name=""/>
        <dsp:cNvSpPr/>
      </dsp:nvSpPr>
      <dsp:spPr>
        <a:xfrm>
          <a:off x="1482" y="1732992"/>
          <a:ext cx="1566417" cy="83212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2300" kern="1200"/>
            <a:t>Software</a:t>
          </a:r>
          <a:endParaRPr lang="LID4096" sz="2300" kern="1200"/>
        </a:p>
      </dsp:txBody>
      <dsp:txXfrm>
        <a:off x="25854" y="1757364"/>
        <a:ext cx="1517673" cy="783385"/>
      </dsp:txXfrm>
    </dsp:sp>
    <dsp:sp modelId="{D7731198-C3F6-4F57-AC11-6628CD11609F}">
      <dsp:nvSpPr>
        <dsp:cNvPr id="0" name=""/>
        <dsp:cNvSpPr/>
      </dsp:nvSpPr>
      <dsp:spPr>
        <a:xfrm>
          <a:off x="1482" y="866511"/>
          <a:ext cx="1566417" cy="83212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1000" kern="1200"/>
            <a:t>Integrated Development Environment</a:t>
          </a:r>
          <a:endParaRPr lang="LID4096" sz="1000" kern="1200"/>
        </a:p>
      </dsp:txBody>
      <dsp:txXfrm>
        <a:off x="25854" y="890883"/>
        <a:ext cx="1517673" cy="783385"/>
      </dsp:txXfrm>
    </dsp:sp>
    <dsp:sp modelId="{A430DF41-DFFD-4B99-826F-603D8145FB92}">
      <dsp:nvSpPr>
        <dsp:cNvPr id="0" name=""/>
        <dsp:cNvSpPr/>
      </dsp:nvSpPr>
      <dsp:spPr>
        <a:xfrm>
          <a:off x="1482" y="30"/>
          <a:ext cx="775070" cy="83212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000" kern="1200"/>
            <a:t>PIC-AS</a:t>
          </a:r>
          <a:endParaRPr lang="LID4096" sz="1000" kern="1200"/>
        </a:p>
      </dsp:txBody>
      <dsp:txXfrm>
        <a:off x="24183" y="22731"/>
        <a:ext cx="729668" cy="786727"/>
      </dsp:txXfrm>
    </dsp:sp>
    <dsp:sp modelId="{301718DD-CC38-43D5-9B67-6130483D1161}">
      <dsp:nvSpPr>
        <dsp:cNvPr id="0" name=""/>
        <dsp:cNvSpPr/>
      </dsp:nvSpPr>
      <dsp:spPr>
        <a:xfrm>
          <a:off x="792829" y="30"/>
          <a:ext cx="775070" cy="83212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1000" kern="1200"/>
            <a:t>Embedded C</a:t>
          </a:r>
          <a:endParaRPr lang="LID4096" sz="1000" kern="1200"/>
        </a:p>
      </dsp:txBody>
      <dsp:txXfrm>
        <a:off x="815530" y="22731"/>
        <a:ext cx="729668" cy="786727"/>
      </dsp:txXfrm>
    </dsp:sp>
    <dsp:sp modelId="{7BF50648-C2EF-45FD-A35D-42F0EB41A404}">
      <dsp:nvSpPr>
        <dsp:cNvPr id="0" name=""/>
        <dsp:cNvSpPr/>
      </dsp:nvSpPr>
      <dsp:spPr>
        <a:xfrm>
          <a:off x="1600452" y="1732992"/>
          <a:ext cx="1566417" cy="83212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2300" kern="1200"/>
            <a:t>Hardware</a:t>
          </a:r>
          <a:endParaRPr lang="LID4096" sz="2300" kern="1200"/>
        </a:p>
      </dsp:txBody>
      <dsp:txXfrm>
        <a:off x="1624824" y="1757364"/>
        <a:ext cx="1517673" cy="783385"/>
      </dsp:txXfrm>
    </dsp:sp>
    <dsp:sp modelId="{2ECF81A9-2F18-4CE4-B21A-47AE8EDE9887}">
      <dsp:nvSpPr>
        <dsp:cNvPr id="0" name=""/>
        <dsp:cNvSpPr/>
      </dsp:nvSpPr>
      <dsp:spPr>
        <a:xfrm>
          <a:off x="1600452" y="866511"/>
          <a:ext cx="775070" cy="83212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000" kern="1200"/>
            <a:t>Curiosity Nano Board</a:t>
          </a:r>
          <a:endParaRPr lang="LID4096" sz="1000" kern="1200"/>
        </a:p>
      </dsp:txBody>
      <dsp:txXfrm>
        <a:off x="1623153" y="889212"/>
        <a:ext cx="729668" cy="786727"/>
      </dsp:txXfrm>
    </dsp:sp>
    <dsp:sp modelId="{ADA84871-D302-4BC9-AB06-906CAF35C796}">
      <dsp:nvSpPr>
        <dsp:cNvPr id="0" name=""/>
        <dsp:cNvSpPr/>
      </dsp:nvSpPr>
      <dsp:spPr>
        <a:xfrm>
          <a:off x="1600452" y="30"/>
          <a:ext cx="775070" cy="83212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000" kern="1200"/>
            <a:t>GPIO</a:t>
          </a:r>
          <a:endParaRPr lang="LID4096" sz="1000" kern="1200"/>
        </a:p>
      </dsp:txBody>
      <dsp:txXfrm>
        <a:off x="1623153" y="22731"/>
        <a:ext cx="729668" cy="786727"/>
      </dsp:txXfrm>
    </dsp:sp>
    <dsp:sp modelId="{A799CF32-9614-4105-B8D7-B221D068B18D}">
      <dsp:nvSpPr>
        <dsp:cNvPr id="0" name=""/>
        <dsp:cNvSpPr/>
      </dsp:nvSpPr>
      <dsp:spPr>
        <a:xfrm>
          <a:off x="2391799" y="866511"/>
          <a:ext cx="775070" cy="83212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1000" kern="1200"/>
            <a:t>Expansion Board</a:t>
          </a:r>
          <a:endParaRPr lang="LID4096" sz="1000" kern="1200"/>
        </a:p>
      </dsp:txBody>
      <dsp:txXfrm>
        <a:off x="2414500" y="889212"/>
        <a:ext cx="729668" cy="786727"/>
      </dsp:txXfrm>
    </dsp:sp>
    <dsp:sp modelId="{F58A4BCC-3A47-448F-8C11-3FC23FAAC339}">
      <dsp:nvSpPr>
        <dsp:cNvPr id="0" name=""/>
        <dsp:cNvSpPr/>
      </dsp:nvSpPr>
      <dsp:spPr>
        <a:xfrm>
          <a:off x="2391799" y="30"/>
          <a:ext cx="775070" cy="83212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000" kern="1200"/>
            <a:t>Peripherals</a:t>
          </a:r>
          <a:endParaRPr lang="LID4096" sz="1000" kern="1200"/>
        </a:p>
      </dsp:txBody>
      <dsp:txXfrm>
        <a:off x="2414500" y="22731"/>
        <a:ext cx="729668" cy="786727"/>
      </dsp:txXfrm>
    </dsp:sp>
  </dsp:spTree>
</dsp:drawing>
</file>

<file path=ppt/diagrams/drawing8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DE35EBF-D7A7-4B92-87AD-D2C562DF41B3}">
      <dsp:nvSpPr>
        <dsp:cNvPr id="0" name=""/>
        <dsp:cNvSpPr/>
      </dsp:nvSpPr>
      <dsp:spPr>
        <a:xfrm>
          <a:off x="0" y="4069"/>
          <a:ext cx="9312374" cy="748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1920" tIns="121920" rIns="121920" bIns="121920" numCol="1" spcCol="1270" anchor="ctr" anchorCtr="0">
          <a:noAutofit/>
        </a:bodyPr>
        <a:lstStyle/>
        <a:p>
          <a:pPr marL="0" lvl="0" indent="0" algn="l" defTabSz="1422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200" kern="1200"/>
            <a:t>11 laboratories</a:t>
          </a:r>
          <a:endParaRPr lang="en-DK" sz="3200" kern="1200"/>
        </a:p>
      </dsp:txBody>
      <dsp:txXfrm>
        <a:off x="36553" y="40622"/>
        <a:ext cx="9239268" cy="675694"/>
      </dsp:txXfrm>
    </dsp:sp>
    <dsp:sp modelId="{EA8B943B-EA58-4CF1-BE84-D1B631724103}">
      <dsp:nvSpPr>
        <dsp:cNvPr id="0" name=""/>
        <dsp:cNvSpPr/>
      </dsp:nvSpPr>
      <dsp:spPr>
        <a:xfrm>
          <a:off x="0" y="845029"/>
          <a:ext cx="9312374" cy="748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1920" tIns="121920" rIns="121920" bIns="121920" numCol="1" spcCol="1270" anchor="ctr" anchorCtr="0">
          <a:noAutofit/>
        </a:bodyPr>
        <a:lstStyle/>
        <a:p>
          <a:pPr marL="0" lvl="0" indent="0" algn="l" defTabSz="1422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200" kern="1200"/>
            <a:t>25% of class grade</a:t>
          </a:r>
          <a:endParaRPr lang="en-DK" sz="3200" kern="1200"/>
        </a:p>
      </dsp:txBody>
      <dsp:txXfrm>
        <a:off x="36553" y="881582"/>
        <a:ext cx="9239268" cy="675694"/>
      </dsp:txXfrm>
    </dsp:sp>
    <dsp:sp modelId="{D6149D31-85BE-44E9-AF9D-A46D58E413E7}">
      <dsp:nvSpPr>
        <dsp:cNvPr id="0" name=""/>
        <dsp:cNvSpPr/>
      </dsp:nvSpPr>
      <dsp:spPr>
        <a:xfrm>
          <a:off x="0" y="1685989"/>
          <a:ext cx="9312374" cy="748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1920" tIns="121920" rIns="121920" bIns="121920" numCol="1" spcCol="1270" anchor="ctr" anchorCtr="0">
          <a:noAutofit/>
        </a:bodyPr>
        <a:lstStyle/>
        <a:p>
          <a:pPr marL="0" lvl="0" indent="0" algn="l" defTabSz="1422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200" kern="1200"/>
            <a:t>3 students per team</a:t>
          </a:r>
          <a:endParaRPr lang="en-DK" sz="3200" kern="1200"/>
        </a:p>
      </dsp:txBody>
      <dsp:txXfrm>
        <a:off x="36553" y="1722542"/>
        <a:ext cx="9239268" cy="675694"/>
      </dsp:txXfrm>
    </dsp:sp>
    <dsp:sp modelId="{5579CE3A-6165-446E-9A97-CF24DC5A9395}">
      <dsp:nvSpPr>
        <dsp:cNvPr id="0" name=""/>
        <dsp:cNvSpPr/>
      </dsp:nvSpPr>
      <dsp:spPr>
        <a:xfrm>
          <a:off x="0" y="2434789"/>
          <a:ext cx="9312374" cy="52992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95668" tIns="40640" rIns="227584" bIns="40640" numCol="1" spcCol="1270" anchor="t" anchorCtr="0">
          <a:noAutofit/>
        </a:bodyPr>
        <a:lstStyle/>
        <a:p>
          <a:pPr marL="228600" lvl="1" indent="-228600" algn="l" defTabSz="11112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2500" kern="1200"/>
            <a:t>Self-enrollment on Canvas</a:t>
          </a:r>
          <a:endParaRPr lang="en-DK" sz="2500" kern="1200"/>
        </a:p>
      </dsp:txBody>
      <dsp:txXfrm>
        <a:off x="0" y="2434789"/>
        <a:ext cx="9312374" cy="529920"/>
      </dsp:txXfrm>
    </dsp:sp>
    <dsp:sp modelId="{6E5317FD-4D39-453E-9811-2C6659CCB84E}">
      <dsp:nvSpPr>
        <dsp:cNvPr id="0" name=""/>
        <dsp:cNvSpPr/>
      </dsp:nvSpPr>
      <dsp:spPr>
        <a:xfrm>
          <a:off x="0" y="2964709"/>
          <a:ext cx="9312374" cy="748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1920" tIns="121920" rIns="121920" bIns="121920" numCol="1" spcCol="1270" anchor="ctr" anchorCtr="0">
          <a:noAutofit/>
        </a:bodyPr>
        <a:lstStyle/>
        <a:p>
          <a:pPr marL="0" lvl="0" indent="0" algn="l" defTabSz="1422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200" kern="1200"/>
            <a:t>2 deliverables</a:t>
          </a:r>
          <a:endParaRPr lang="en-DK" sz="3200" kern="1200"/>
        </a:p>
      </dsp:txBody>
      <dsp:txXfrm>
        <a:off x="36553" y="3001262"/>
        <a:ext cx="9239268" cy="675694"/>
      </dsp:txXfrm>
    </dsp:sp>
    <dsp:sp modelId="{3B898BC9-6C25-47F6-8FB4-4CA642186EB9}">
      <dsp:nvSpPr>
        <dsp:cNvPr id="0" name=""/>
        <dsp:cNvSpPr/>
      </dsp:nvSpPr>
      <dsp:spPr>
        <a:xfrm>
          <a:off x="0" y="3713508"/>
          <a:ext cx="9312374" cy="828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95668" tIns="40640" rIns="227584" bIns="40640" numCol="1" spcCol="1270" anchor="t" anchorCtr="0">
          <a:noAutofit/>
        </a:bodyPr>
        <a:lstStyle/>
        <a:p>
          <a:pPr marL="228600" lvl="1" indent="-228600" algn="l" defTabSz="11112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2500" kern="1200"/>
            <a:t>50% Demostrative video (maximum length of 3 min.)</a:t>
          </a:r>
          <a:endParaRPr lang="en-DK" sz="2500" kern="1200"/>
        </a:p>
        <a:p>
          <a:pPr marL="228600" lvl="1" indent="-228600" algn="l" defTabSz="11112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en-US" sz="2500" kern="1200"/>
            <a:t>50% MPLAB project</a:t>
          </a:r>
          <a:endParaRPr lang="en-DK" sz="2500" kern="1200"/>
        </a:p>
      </dsp:txBody>
      <dsp:txXfrm>
        <a:off x="0" y="3713508"/>
        <a:ext cx="9312374" cy="828000"/>
      </dsp:txXfrm>
    </dsp:sp>
  </dsp:spTree>
</dsp:drawing>
</file>

<file path=ppt/diagrams/drawing9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D633079-8B29-4322-B6ED-C489DC842E54}">
      <dsp:nvSpPr>
        <dsp:cNvPr id="0" name=""/>
        <dsp:cNvSpPr/>
      </dsp:nvSpPr>
      <dsp:spPr>
        <a:xfrm rot="16200000">
          <a:off x="-1588146" y="2314450"/>
          <a:ext cx="3545109" cy="26215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231202" bIns="0" numCol="1" spcCol="1270" anchor="t" anchorCtr="0">
          <a:noAutofit/>
        </a:bodyPr>
        <a:lstStyle/>
        <a:p>
          <a:pPr marL="0" lvl="0" indent="0" algn="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1600" kern="1200"/>
            <a:t>Integrated Develpment Environment</a:t>
          </a:r>
          <a:endParaRPr lang="LID4096" sz="1600" kern="1200"/>
        </a:p>
      </dsp:txBody>
      <dsp:txXfrm>
        <a:off x="-1588146" y="2314450"/>
        <a:ext cx="3545109" cy="262150"/>
      </dsp:txXfrm>
    </dsp:sp>
    <dsp:sp modelId="{94AB9B0A-4835-4E75-80EA-3CCC950A95BB}">
      <dsp:nvSpPr>
        <dsp:cNvPr id="0" name=""/>
        <dsp:cNvSpPr/>
      </dsp:nvSpPr>
      <dsp:spPr>
        <a:xfrm>
          <a:off x="315483" y="672970"/>
          <a:ext cx="1305787" cy="3545109"/>
        </a:xfrm>
        <a:prstGeom prst="rect">
          <a:avLst/>
        </a:prstGeom>
        <a:gradFill rotWithShape="0">
          <a:gsLst>
            <a:gs pos="0">
              <a:schemeClr val="l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l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l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2456" tIns="231202" rIns="92456" bIns="92456" numCol="1" spcCol="1270" anchor="t" anchorCtr="0">
          <a:noAutofit/>
        </a:bodyPr>
        <a:lstStyle/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XC8 Compiler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MPLAB Xpress IDE</a:t>
          </a:r>
          <a:endParaRPr lang="LID4096" sz="1000" kern="1200"/>
        </a:p>
      </dsp:txBody>
      <dsp:txXfrm>
        <a:off x="315483" y="672970"/>
        <a:ext cx="1305787" cy="3545109"/>
      </dsp:txXfrm>
    </dsp:sp>
    <dsp:sp modelId="{1428D7F0-BD2F-4530-8A7A-167E80DE8F8F}">
      <dsp:nvSpPr>
        <dsp:cNvPr id="0" name=""/>
        <dsp:cNvSpPr/>
      </dsp:nvSpPr>
      <dsp:spPr>
        <a:xfrm>
          <a:off x="53332" y="326932"/>
          <a:ext cx="524300" cy="524300"/>
        </a:xfrm>
        <a:prstGeom prst="rect">
          <a:avLst/>
        </a:prstGeom>
        <a:blipFill rotWithShape="1">
          <a:blip xmlns:r="http://schemas.openxmlformats.org/officeDocument/2006/relationships" r:embed="rId1"/>
          <a:srcRect/>
          <a:stretch>
            <a:fillRect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52B3E40F-BDDE-4DEC-948E-310956A7A111}">
      <dsp:nvSpPr>
        <dsp:cNvPr id="0" name=""/>
        <dsp:cNvSpPr/>
      </dsp:nvSpPr>
      <dsp:spPr>
        <a:xfrm rot="16200000">
          <a:off x="321271" y="2314450"/>
          <a:ext cx="3545109" cy="26215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231202" bIns="0" numCol="1" spcCol="1270" anchor="t" anchorCtr="0">
          <a:noAutofit/>
        </a:bodyPr>
        <a:lstStyle/>
        <a:p>
          <a:pPr marL="0" lvl="0" indent="0" algn="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1600" kern="1200"/>
            <a:t>Bibliography</a:t>
          </a:r>
          <a:endParaRPr lang="LID4096" sz="1600" kern="1200"/>
        </a:p>
      </dsp:txBody>
      <dsp:txXfrm>
        <a:off x="321271" y="2314450"/>
        <a:ext cx="3545109" cy="262150"/>
      </dsp:txXfrm>
    </dsp:sp>
    <dsp:sp modelId="{70CD2C8C-CCE6-4AC2-B172-DBA0A14486E6}">
      <dsp:nvSpPr>
        <dsp:cNvPr id="0" name=""/>
        <dsp:cNvSpPr/>
      </dsp:nvSpPr>
      <dsp:spPr>
        <a:xfrm>
          <a:off x="2224901" y="672970"/>
          <a:ext cx="1305787" cy="3545109"/>
        </a:xfrm>
        <a:prstGeom prst="rect">
          <a:avLst/>
        </a:prstGeom>
        <a:gradFill rotWithShape="0">
          <a:gsLst>
            <a:gs pos="0">
              <a:schemeClr val="l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l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l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2456" tIns="231202" rIns="92456" bIns="92456" numCol="1" spcCol="1270" anchor="t" anchorCtr="0">
          <a:noAutofit/>
        </a:bodyPr>
        <a:lstStyle/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PIC Microcontroller: An Introduction to Software &amp; Hardware Interfacing - Huang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Interfacing PIC Microcontrollers to Peripheral Devices – Bohdan Borowik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Programming 8-bit Microcontrollers in C – Martin P. Bates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C Programming for the PIC Microcontroller – Hubert Henry Ward</a:t>
          </a:r>
          <a:endParaRPr lang="LID4096" sz="1000" kern="1200"/>
        </a:p>
      </dsp:txBody>
      <dsp:txXfrm>
        <a:off x="2224901" y="672970"/>
        <a:ext cx="1305787" cy="3545109"/>
      </dsp:txXfrm>
    </dsp:sp>
    <dsp:sp modelId="{42F0D9B5-FED7-4163-BF40-0D69EEC5DB13}">
      <dsp:nvSpPr>
        <dsp:cNvPr id="0" name=""/>
        <dsp:cNvSpPr/>
      </dsp:nvSpPr>
      <dsp:spPr>
        <a:xfrm>
          <a:off x="1962750" y="326932"/>
          <a:ext cx="524300" cy="524300"/>
        </a:xfrm>
        <a:prstGeom prst="rect">
          <a:avLst/>
        </a:prstGeom>
        <a:blipFill rotWithShape="1">
          <a:blip xmlns:r="http://schemas.openxmlformats.org/officeDocument/2006/relationships" r:embed="rId2"/>
          <a:srcRect/>
          <a:stretch>
            <a:fillRect l="-7000" r="-7000"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DB1F55E7-612F-47B3-824D-69C87F8A5BCB}">
      <dsp:nvSpPr>
        <dsp:cNvPr id="0" name=""/>
        <dsp:cNvSpPr/>
      </dsp:nvSpPr>
      <dsp:spPr>
        <a:xfrm rot="16200000">
          <a:off x="2230689" y="2314450"/>
          <a:ext cx="3545109" cy="26215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231202" bIns="0" numCol="1" spcCol="1270" anchor="t" anchorCtr="0">
          <a:noAutofit/>
        </a:bodyPr>
        <a:lstStyle/>
        <a:p>
          <a:pPr marL="0" lvl="0" indent="0" algn="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1600" kern="1200"/>
            <a:t>PIC18 &amp; MPLAB Documentation</a:t>
          </a:r>
          <a:endParaRPr lang="LID4096" sz="1600" kern="1200"/>
        </a:p>
      </dsp:txBody>
      <dsp:txXfrm>
        <a:off x="2230689" y="2314450"/>
        <a:ext cx="3545109" cy="262150"/>
      </dsp:txXfrm>
    </dsp:sp>
    <dsp:sp modelId="{7A4F8529-FCD0-40FB-A4C6-E8CE7DD70DE0}">
      <dsp:nvSpPr>
        <dsp:cNvPr id="0" name=""/>
        <dsp:cNvSpPr/>
      </dsp:nvSpPr>
      <dsp:spPr>
        <a:xfrm>
          <a:off x="4134319" y="672970"/>
          <a:ext cx="1305787" cy="3545109"/>
        </a:xfrm>
        <a:prstGeom prst="rect">
          <a:avLst/>
        </a:prstGeom>
        <a:gradFill rotWithShape="0">
          <a:gsLst>
            <a:gs pos="0">
              <a:schemeClr val="l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l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l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2456" tIns="231202" rIns="92456" bIns="92456" numCol="1" spcCol="1270" anchor="t" anchorCtr="0">
          <a:noAutofit/>
        </a:bodyPr>
        <a:lstStyle/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MPLAB XC8 PIC Assembler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MPLAB C18 C Compiler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PIC18F57Q43 Datasheet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CURIOSITY NANO PIC18F57Q43 User Guide</a:t>
          </a:r>
          <a:endParaRPr lang="LID4096" sz="1000" kern="1200"/>
        </a:p>
      </dsp:txBody>
      <dsp:txXfrm>
        <a:off x="4134319" y="672970"/>
        <a:ext cx="1305787" cy="3545109"/>
      </dsp:txXfrm>
    </dsp:sp>
    <dsp:sp modelId="{F730CFF1-F378-439A-8F9B-D4069FB43811}">
      <dsp:nvSpPr>
        <dsp:cNvPr id="0" name=""/>
        <dsp:cNvSpPr/>
      </dsp:nvSpPr>
      <dsp:spPr>
        <a:xfrm>
          <a:off x="3872168" y="326932"/>
          <a:ext cx="524300" cy="524300"/>
        </a:xfrm>
        <a:prstGeom prst="rect">
          <a:avLst/>
        </a:prstGeom>
        <a:blipFill rotWithShape="1">
          <a:blip xmlns:r="http://schemas.openxmlformats.org/officeDocument/2006/relationships" r:embed="rId3"/>
          <a:srcRect/>
          <a:stretch>
            <a:fillRect l="-10000" r="-10000"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C769C8B0-0A63-41CD-82C2-717B70157D7D}">
      <dsp:nvSpPr>
        <dsp:cNvPr id="0" name=""/>
        <dsp:cNvSpPr/>
      </dsp:nvSpPr>
      <dsp:spPr>
        <a:xfrm rot="16200000">
          <a:off x="4140107" y="2314450"/>
          <a:ext cx="3545109" cy="26215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231202" bIns="0" numCol="1" spcCol="1270" anchor="t" anchorCtr="0">
          <a:noAutofit/>
        </a:bodyPr>
        <a:lstStyle/>
        <a:p>
          <a:pPr marL="0" lvl="0" indent="0" algn="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1600" kern="1200"/>
            <a:t>GitHub Repository</a:t>
          </a:r>
          <a:endParaRPr lang="LID4096" sz="1600" kern="1200"/>
        </a:p>
      </dsp:txBody>
      <dsp:txXfrm>
        <a:off x="4140107" y="2314450"/>
        <a:ext cx="3545109" cy="262150"/>
      </dsp:txXfrm>
    </dsp:sp>
    <dsp:sp modelId="{29869B66-2A22-4C8E-84CF-74373399C947}">
      <dsp:nvSpPr>
        <dsp:cNvPr id="0" name=""/>
        <dsp:cNvSpPr/>
      </dsp:nvSpPr>
      <dsp:spPr>
        <a:xfrm>
          <a:off x="6043737" y="672970"/>
          <a:ext cx="1305787" cy="3545109"/>
        </a:xfrm>
        <a:prstGeom prst="rect">
          <a:avLst/>
        </a:prstGeom>
        <a:gradFill rotWithShape="0">
          <a:gsLst>
            <a:gs pos="0">
              <a:schemeClr val="l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l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l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2456" tIns="231202" rIns="92456" bIns="92456" numCol="1" spcCol="1270" anchor="t" anchorCtr="0">
          <a:noAutofit/>
        </a:bodyPr>
        <a:lstStyle/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000" kern="1200"/>
            <a:t>Laboratories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000" kern="1200"/>
            <a:t>Datasheets</a:t>
          </a:r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000" kern="1200"/>
            <a:t>Examples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Simulations</a:t>
          </a:r>
          <a:endParaRPr lang="LID4096" sz="1000" kern="1200"/>
        </a:p>
      </dsp:txBody>
      <dsp:txXfrm>
        <a:off x="6043737" y="672970"/>
        <a:ext cx="1305787" cy="3545109"/>
      </dsp:txXfrm>
    </dsp:sp>
    <dsp:sp modelId="{DE57B199-2416-43FD-B8B8-A3172867F53A}">
      <dsp:nvSpPr>
        <dsp:cNvPr id="0" name=""/>
        <dsp:cNvSpPr/>
      </dsp:nvSpPr>
      <dsp:spPr>
        <a:xfrm>
          <a:off x="5781586" y="326932"/>
          <a:ext cx="524300" cy="524300"/>
        </a:xfrm>
        <a:prstGeom prst="rect">
          <a:avLst/>
        </a:prstGeom>
        <a:blipFill dpi="0" rotWithShape="1">
          <a:blip xmlns:r="http://schemas.openxmlformats.org/officeDocument/2006/relationships"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  <dsp:sp modelId="{12FF83BF-7CC7-44D2-A685-F5FA04F9570A}">
      <dsp:nvSpPr>
        <dsp:cNvPr id="0" name=""/>
        <dsp:cNvSpPr/>
      </dsp:nvSpPr>
      <dsp:spPr>
        <a:xfrm rot="16200000">
          <a:off x="6049525" y="2314450"/>
          <a:ext cx="3545109" cy="26215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231202" bIns="0" numCol="1" spcCol="1270" anchor="t" anchorCtr="0">
          <a:noAutofit/>
        </a:bodyPr>
        <a:lstStyle/>
        <a:p>
          <a:pPr marL="0" lvl="0" indent="0" algn="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s-MX" sz="1600" kern="1200"/>
            <a:t>Slack</a:t>
          </a:r>
          <a:endParaRPr lang="LID4096" sz="1600" kern="1200"/>
        </a:p>
      </dsp:txBody>
      <dsp:txXfrm>
        <a:off x="6049525" y="2314450"/>
        <a:ext cx="3545109" cy="262150"/>
      </dsp:txXfrm>
    </dsp:sp>
    <dsp:sp modelId="{25D0E48B-164F-4D83-9DCD-3A95D9A1CF18}">
      <dsp:nvSpPr>
        <dsp:cNvPr id="0" name=""/>
        <dsp:cNvSpPr/>
      </dsp:nvSpPr>
      <dsp:spPr>
        <a:xfrm>
          <a:off x="7953155" y="672970"/>
          <a:ext cx="1305787" cy="3545109"/>
        </a:xfrm>
        <a:prstGeom prst="rect">
          <a:avLst/>
        </a:prstGeom>
        <a:gradFill rotWithShape="0">
          <a:gsLst>
            <a:gs pos="0">
              <a:schemeClr val="l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l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l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2456" tIns="231202" rIns="92456" bIns="92456" numCol="1" spcCol="1270" anchor="t" anchorCtr="0">
          <a:noAutofit/>
        </a:bodyPr>
        <a:lstStyle/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Group Communications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Questions &amp; Queries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File sharing</a:t>
          </a:r>
          <a:endParaRPr lang="LID4096" sz="1000" kern="1200"/>
        </a:p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s-MX" sz="1000" kern="1200"/>
            <a:t>Team channels</a:t>
          </a:r>
          <a:endParaRPr lang="LID4096" sz="1000" kern="1200"/>
        </a:p>
      </dsp:txBody>
      <dsp:txXfrm>
        <a:off x="7953155" y="672970"/>
        <a:ext cx="1305787" cy="3545109"/>
      </dsp:txXfrm>
    </dsp:sp>
    <dsp:sp modelId="{1996C72E-12D3-412D-93A0-BF6234E21430}">
      <dsp:nvSpPr>
        <dsp:cNvPr id="0" name=""/>
        <dsp:cNvSpPr/>
      </dsp:nvSpPr>
      <dsp:spPr>
        <a:xfrm>
          <a:off x="7691004" y="326932"/>
          <a:ext cx="524300" cy="524300"/>
        </a:xfrm>
        <a:prstGeom prst="rect">
          <a:avLst/>
        </a:prstGeom>
        <a:blipFill rotWithShape="1"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list1">
  <dgm:title val=""/>
  <dgm:desc val=""/>
  <dgm:catLst>
    <dgm:cat type="list" pri="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dir/>
      <dgm:animLvl val="lvl"/>
      <dgm:resizeHandles val="exact"/>
    </dgm:varLst>
    <dgm:choose name="Name0">
      <dgm:if name="Name1" func="var" arg="dir" op="equ" val="norm">
        <dgm:alg type="lin">
          <dgm:param type="linDir" val="fromT"/>
          <dgm:param type="vertAlign" val="mid"/>
          <dgm:param type="horzAlign" val="l"/>
          <dgm:param type="nodeHorzAlign" val="l"/>
        </dgm:alg>
      </dgm:if>
      <dgm:else name="Name2">
        <dgm:alg type="lin">
          <dgm:param type="linDir" val="fromT"/>
          <dgm:param type="vertAlign" val="mid"/>
          <dgm:param type="horzAlign" val="r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parentLin" refType="w"/>
      <dgm:constr type="h" for="ch" forName="parentLin" val="INF"/>
      <dgm:constr type="w" for="des" forName="parentLeftMargin" refType="w" fact="0.05"/>
      <dgm:constr type="w" for="des" forName="parentText" refType="w" fact="0.7"/>
      <dgm:constr type="h" for="des" forName="parentText" refType="primFontSz" refFor="des" refForName="parentText" fact="0.82"/>
      <dgm:constr type="h" for="ch" forName="negativeSpace" refType="primFontSz" refFor="des" refForName="parentText" fact="-0.41"/>
      <dgm:constr type="h" for="ch" forName="negativeSpace" refType="h" refFor="des" refForName="parentText" op="lte" fact="-0.82"/>
      <dgm:constr type="h" for="ch" forName="negativeSpace" refType="h" refFor="des" refForName="parentText" op="gte" fact="-0.82"/>
      <dgm:constr type="w" for="ch" forName="childText" refType="w"/>
      <dgm:constr type="h" for="ch" forName="childText" refType="primFontSz" refFor="des" refForName="parentText" fact="0.7"/>
      <dgm:constr type="primFontSz" for="des" forName="parentText" val="65"/>
      <dgm:constr type="primFontSz" for="ch" forName="childText" refType="primFontSz" refFor="des" refForName="parentText"/>
      <dgm:constr type="tMarg" for="ch" forName="childText" refType="primFontSz" refFor="des" refForName="parentText" fact="1.64"/>
      <dgm:constr type="tMarg" for="ch" forName="childText" refType="h" refFor="des" refForName="parentText" op="lte" fact="3.28"/>
      <dgm:constr type="tMarg" for="ch" forName="childText" refType="h" refFor="des" refForName="parentText" op="gte" fact="3.28"/>
      <dgm:constr type="lMarg" for="ch" forName="childText" refType="w" fact="0.22"/>
      <dgm:constr type="rMarg" for="ch" forName="childText" refType="lMarg" refFor="ch" refForName="childText"/>
      <dgm:constr type="lMarg" for="des" forName="parentText" refType="w" fact="0.075"/>
      <dgm:constr type="rMarg" for="des" forName="parentText" refType="lMarg" refFor="des" refForName="parentText"/>
      <dgm:constr type="h" for="ch" forName="spaceBetweenRectangles" refType="primFontSz" refFor="des" refForName="parentText" fact="0.15"/>
    </dgm:constrLst>
    <dgm:ruleLst>
      <dgm:rule type="primFontSz" for="des" forName="parentText" val="5" fact="NaN" max="NaN"/>
    </dgm:ruleLst>
    <dgm:forEach name="Name3" axis="ch" ptType="node">
      <dgm:layoutNode name="parentLin">
        <dgm:choose name="Name4">
          <dgm:if name="Name5" func="var" arg="dir" op="equ" val="norm">
            <dgm:alg type="lin">
              <dgm:param type="linDir" val="fromL"/>
              <dgm:param type="horzAlign" val="l"/>
              <dgm:param type="nodeHorzAlign" val="l"/>
            </dgm:alg>
          </dgm:if>
          <dgm:else name="Name6">
            <dgm:alg type="lin">
              <dgm:param type="linDir" val="fromR"/>
              <dgm:param type="horzAlign" val="r"/>
              <dgm:param type="nodeHorz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layoutNode name="parentLeftMargin">
          <dgm:alg type="sp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h"/>
          </dgm:constrLst>
          <dgm:ruleLst/>
        </dgm:layoutNode>
        <dgm:layoutNode name="parentText" styleLbl="node1">
          <dgm:varLst>
            <dgm:chMax val="0"/>
            <dgm:bulletEnabled val="1"/>
          </dgm:varLst>
          <dgm:choose name="Name7">
            <dgm:if name="Name8" func="var" arg="dir" op="equ" val="norm">
              <dgm:alg type="tx">
                <dgm:param type="parTxLTRAlign" val="l"/>
                <dgm:param type="parTxRTLAlign" val="l"/>
              </dgm:alg>
            </dgm:if>
            <dgm:else name="Name9">
              <dgm:alg type="tx">
                <dgm:param type="parTxLTRAlign" val="r"/>
                <dgm:param type="parTxRTLAlign" val="r"/>
              </dgm:alg>
            </dgm:else>
          </dgm:choose>
          <dgm:shape xmlns:r="http://schemas.openxmlformats.org/officeDocument/2006/relationships" type="roundRect" r:blip="">
            <dgm:adjLst/>
          </dgm:shape>
          <dgm:presOf axis="self" ptType="node"/>
          <dgm:constrLst>
            <dgm:constr type="tMarg"/>
            <dgm:constr type="bMarg"/>
          </dgm:constrLst>
          <dgm:ruleLst/>
        </dgm:layoutNode>
      </dgm:layoutNode>
      <dgm:layoutNode name="negativeSpace">
        <dgm:alg type="sp"/>
        <dgm:shape xmlns:r="http://schemas.openxmlformats.org/officeDocument/2006/relationships" r:blip="">
          <dgm:adjLst/>
        </dgm:shape>
        <dgm:presOf/>
        <dgm:constrLst/>
        <dgm:ruleLst/>
      </dgm:layoutNode>
      <dgm:layoutNode name="childText" styleLbl="conFgAcc1">
        <dgm:varLst>
          <dgm:bulletEnabled val="1"/>
        </dgm:varLst>
        <dgm:alg type="tx">
          <dgm:param type="stBulletLvl" val="1"/>
        </dgm:alg>
        <dgm:shape xmlns:r="http://schemas.openxmlformats.org/officeDocument/2006/relationships" type="rect" r:blip="" zOrderOff="-2">
          <dgm:adjLst/>
        </dgm:shape>
        <dgm:presOf axis="des" ptType="node"/>
        <dgm:constrLst>
          <dgm:constr type="secFontSz" refType="primFontSz"/>
        </dgm:constrLst>
        <dgm:ruleLst>
          <dgm:rule type="h" val="INF" fact="NaN" max="NaN"/>
        </dgm:ruleLst>
      </dgm:layoutNode>
      <dgm:forEach name="Name10" axis="followSib" ptType="sibTrans" cnt="1">
        <dgm:layoutNode name="spaceBetweenRectangle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10.xml><?xml version="1.0" encoding="utf-8"?>
<dgm:layoutDef xmlns:dgm="http://schemas.openxmlformats.org/drawingml/2006/diagram" xmlns:a="http://schemas.openxmlformats.org/drawingml/2006/main" uniqueId="urn:microsoft.com/office/officeart/2005/8/layout/hierarchy4">
  <dgm:title val=""/>
  <dgm:desc val=""/>
  <dgm:catLst>
    <dgm:cat type="hierarchy" pri="4000"/>
    <dgm:cat type="list" pri="24000"/>
    <dgm:cat type="relationship" pri="10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Name0">
    <dgm:varLst>
      <dgm:chPref val="1"/>
      <dgm:dir/>
      <dgm:animOne val="branch"/>
      <dgm:animLvl val="lvl"/>
      <dgm:resizeHandles/>
    </dgm:varLst>
    <dgm:choose name="Name1">
      <dgm:if name="Name2" func="var" arg="dir" op="equ" val="norm">
        <dgm:alg type="lin">
          <dgm:param type="linDir" val="fromL"/>
          <dgm:param type="nodeVertAlign" val="t"/>
        </dgm:alg>
      </dgm:if>
      <dgm:else name="Name3">
        <dgm:alg type="lin">
          <dgm:param type="linDir" val="fromR"/>
          <dgm:param type="nodeVertAlign" val="t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vertOne" refType="w"/>
      <dgm:constr type="w" for="des" forName="horzOne" refType="w"/>
      <dgm:constr type="w" for="des" forName="txOne" refType="w"/>
      <dgm:constr type="w" for="des" forName="vertTwo" refType="w"/>
      <dgm:constr type="w" for="des" forName="horzTwo" refType="w"/>
      <dgm:constr type="w" for="des" forName="txTwo" refType="w"/>
      <dgm:constr type="w" for="des" forName="vertThree" refType="w"/>
      <dgm:constr type="w" for="des" forName="horzThree" refType="w"/>
      <dgm:constr type="w" for="des" forName="txThree" refType="w"/>
      <dgm:constr type="w" for="des" forName="vertFour" refType="w"/>
      <dgm:constr type="w" for="des" forName="horzFour" refType="w"/>
      <dgm:constr type="w" for="des" forName="txFour" refType="w"/>
      <dgm:constr type="h" for="des" ptType="node" op="equ"/>
      <dgm:constr type="h" for="des" forName="txOne" refType="h"/>
      <dgm:constr type="userH" for="des" ptType="node" refType="h" refFor="des" refForName="txOne"/>
      <dgm:constr type="primFontSz" for="des" forName="txOne" val="65"/>
      <dgm:constr type="primFontSz" for="des" forName="txTwo" val="65"/>
      <dgm:constr type="primFontSz" for="des" forName="txTwo" refType="primFontSz" refFor="des" refForName="txOne" op="lte"/>
      <dgm:constr type="primFontSz" for="des" forName="txThree" val="65"/>
      <dgm:constr type="primFontSz" for="des" forName="txThree" refType="primFontSz" refFor="des" refForName="txOne" op="lte"/>
      <dgm:constr type="primFontSz" for="des" forName="txThree" refType="primFontSz" refFor="des" refForName="txTwo" op="lte"/>
      <dgm:constr type="primFontSz" for="des" forName="txFour" val="65"/>
      <dgm:constr type="primFontSz" for="des" forName="txFour" refType="primFontSz" refFor="des" refForName="txOne" op="lte"/>
      <dgm:constr type="primFontSz" for="des" forName="txFour" refType="primFontSz" refFor="des" refForName="txTwo" op="lte"/>
      <dgm:constr type="primFontSz" for="des" forName="txFour" refType="primFontSz" refFor="des" refForName="txThree" op="lte"/>
      <dgm:constr type="w" for="des" forName="sibSpaceOne" refType="w" fact="0.168"/>
      <dgm:constr type="w" for="des" forName="sibSpaceTwo" refType="w" refFor="des" refForName="sibSpaceOne" op="equ" fact="0.5"/>
      <dgm:constr type="w" for="des" forName="sibSpaceThree" refType="w" refFor="des" refForName="sibSpaceTwo" op="equ" fact="0.5"/>
      <dgm:constr type="w" for="des" forName="sibSpaceFour" refType="w" refFor="des" refForName="sibSpaceThree" op="equ" fact="0.5"/>
      <dgm:constr type="h" for="des" forName="parTransOne" refType="w" fact="0.056"/>
      <dgm:constr type="h" for="des" forName="parTransTwo" refType="h" refFor="des" refForName="parTransOne" op="equ"/>
      <dgm:constr type="h" for="des" forName="parTransThree" refType="h" refFor="des" refForName="parTransTwo" op="equ"/>
      <dgm:constr type="h" for="des" forName="parTransFour" refType="h" refFor="des" refForName="parTransThree" op="equ"/>
    </dgm:constrLst>
    <dgm:ruleLst/>
    <dgm:forEach name="Name4" axis="ch" ptType="node">
      <dgm:layoutNode name="vertOne">
        <dgm:alg type="lin">
          <dgm:param type="linDir" val="fromT"/>
        </dgm:alg>
        <dgm:shape xmlns:r="http://schemas.openxmlformats.org/officeDocument/2006/relationships" r:blip="">
          <dgm:adjLst/>
        </dgm:shape>
        <dgm:presOf/>
        <dgm:constrLst>
          <dgm:constr type="w" for="ch" forName="txOne" refType="w" refFor="ch" refForName="horzOne" op="gte"/>
        </dgm:constrLst>
        <dgm:ruleLst/>
        <dgm:layoutNode name="txOne" styleLbl="node0">
          <dgm:varLst>
            <dgm:chPref val="3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5">
          <dgm:if name="Name6" axis="des" ptType="node" func="cnt" op="gt" val="0">
            <dgm:layoutNode name="parTrans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if>
          <dgm:else name="Name7"/>
        </dgm:choose>
        <dgm:layoutNode name="horzOne">
          <dgm:choose name="Name8">
            <dgm:if name="Name9" func="var" arg="dir" op="equ" val="norm">
              <dgm:alg type="lin">
                <dgm:param type="linDir" val="fromL"/>
                <dgm:param type="nodeVertAlign" val="t"/>
              </dgm:alg>
            </dgm:if>
            <dgm:else name="Name10">
              <dgm:alg type="lin">
                <dgm:param type="linDir" val="fromR"/>
                <dgm:param type="nodeVertAlign" val="t"/>
              </dgm:alg>
            </dgm:else>
          </dgm:choose>
          <dgm:shape xmlns:r="http://schemas.openxmlformats.org/officeDocument/2006/relationships" r:blip="">
            <dgm:adjLst/>
          </dgm:shape>
          <dgm:presOf/>
          <dgm:constrLst/>
          <dgm:ruleLst>
            <dgm:rule type="w" val="INF" fact="NaN" max="NaN"/>
          </dgm:ruleLst>
          <dgm:forEach name="Name11" axis="ch" ptType="node">
            <dgm:layoutNode name="vertTwo">
              <dgm:alg type="lin">
                <dgm:param type="linDir" val="fromT"/>
              </dgm:alg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xTwo" refType="w" refFor="ch" refForName="horzTwo" op="gte"/>
              </dgm:constrLst>
              <dgm:ruleLst/>
              <dgm:layoutNode name="txTwo">
                <dgm:varLst>
                  <dgm:chPref val="3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self"/>
                <dgm:constrLst>
                  <dgm:constr type="userH"/>
                  <dgm:constr type="h" refType="userH"/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choose name="Name12">
                <dgm:if name="Name13" axis="des" ptType="node" func="cnt" op="gt" val="0">
                  <dgm:layoutNode name="parTrans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if>
                <dgm:else name="Name14"/>
              </dgm:choose>
              <dgm:layoutNode name="horzTwo">
                <dgm:choose name="Name15">
                  <dgm:if name="Name16" func="var" arg="dir" op="equ" val="norm">
                    <dgm:alg type="lin">
                      <dgm:param type="linDir" val="fromL"/>
                      <dgm:param type="nodeVertAlign" val="t"/>
                    </dgm:alg>
                  </dgm:if>
                  <dgm:else name="Name17">
                    <dgm:alg type="lin">
                      <dgm:param type="linDir" val="fromR"/>
                      <dgm:param type="nodeVertAlign" val="t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constrLst/>
                <dgm:ruleLst>
                  <dgm:rule type="w" val="INF" fact="NaN" max="NaN"/>
                </dgm:ruleLst>
                <dgm:forEach name="Name18" axis="ch" ptType="node">
                  <dgm:layoutNode name="vertThree">
                    <dgm:alg type="lin">
                      <dgm:param type="linDir" val="fromT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w" for="ch" forName="txThree" refType="w" refFor="ch" refForName="horzThree" op="gte"/>
                    </dgm:constrLst>
                    <dgm:ruleLst/>
                    <dgm:layoutNode name="txThree">
                      <dgm:varLst>
                        <dgm:chPref val="3"/>
                      </dgm:varLst>
                      <dgm:alg type="tx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self"/>
                      <dgm:constrLst>
                        <dgm:constr type="userH"/>
                        <dgm:constr type="h" refType="userH"/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choose name="Name19">
                      <dgm:if name="Name20" axis="des" ptType="node" func="cnt" op="gt" val="0">
                        <dgm:layoutNode name="parTrans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if>
                      <dgm:else name="Name21"/>
                    </dgm:choose>
                    <dgm:layoutNode name="horzThree">
                      <dgm:choose name="Name22">
                        <dgm:if name="Name23" func="var" arg="dir" op="equ" val="norm">
                          <dgm:alg type="lin">
                            <dgm:param type="linDir" val="fromL"/>
                            <dgm:param type="nodeVertAlign" val="t"/>
                          </dgm:alg>
                        </dgm:if>
                        <dgm:else name="Name24">
                          <dgm:alg type="lin">
                            <dgm:param type="linDir" val="fromR"/>
                            <dgm:param type="nodeVertAlign" val="t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constrLst/>
                      <dgm:ruleLst>
                        <dgm:rule type="w" val="INF" fact="NaN" max="NaN"/>
                      </dgm:ruleLst>
                      <dgm:forEach name="repeat" axis="ch" ptType="node">
                        <dgm:layoutNode name="vertFour">
                          <dgm:varLst>
                            <dgm:chPref val="3"/>
                          </dgm:varLst>
                          <dgm:alg type="lin">
                            <dgm:param type="linDir" val="fromT"/>
                          </dgm:alg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>
                            <dgm:constr type="w" for="ch" forName="txFour" refType="w" refFor="ch" refForName="horzFour" op="gte"/>
                          </dgm:constrLst>
                          <dgm:ruleLst/>
                          <dgm:layoutNode name="txFour">
                            <dgm:varLst>
                              <dgm:chPref val="3"/>
                            </dgm:varLst>
                            <dgm:alg type="tx"/>
                            <dgm:shape xmlns:r="http://schemas.openxmlformats.org/officeDocument/2006/relationships" type="roundRect" r:blip="">
                              <dgm:adjLst>
                                <dgm:adj idx="1" val="0.1"/>
                              </dgm:adjLst>
                            </dgm:shape>
                            <dgm:presOf axis="self"/>
                            <dgm:constrLst>
                              <dgm:constr type="userH"/>
                              <dgm:constr type="h" refType="userH"/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  <dgm:choose name="Name25">
                            <dgm:if name="Name26" axis="des" ptType="node" func="cnt" op="gt" val="0">
                              <dgm:layoutNode name="parTrans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if>
                            <dgm:else name="Name27"/>
                          </dgm:choose>
                          <dgm:layoutNode name="horzFour">
                            <dgm:choose name="Name28">
                              <dgm:if name="Name29" func="var" arg="dir" op="equ" val="norm">
                                <dgm:alg type="lin">
                                  <dgm:param type="linDir" val="fromL"/>
                                  <dgm:param type="nodeVertAlign" val="t"/>
                                </dgm:alg>
                              </dgm:if>
                              <dgm:else name="Name30">
                                <dgm:alg type="lin">
                                  <dgm:param type="linDir" val="fromR"/>
                                  <dgm:param type="nodeVertAlign" val="t"/>
                                </dgm:alg>
                              </dgm:else>
                            </dgm:choose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/>
                            <dgm:ruleLst>
                              <dgm:rule type="w" val="INF" fact="NaN" max="NaN"/>
                            </dgm:ruleLst>
                            <dgm:forEach name="Name31" ref="repeat"/>
                          </dgm:layoutNode>
                        </dgm:layoutNode>
                        <dgm:choose name="Name32">
                          <dgm:if name="Name33" axis="self" ptType="node" func="revPos" op="gte" val="2">
                            <dgm:forEach name="Name34" axis="followSib" ptType="sibTrans" cnt="1">
                              <dgm:layoutNode name="sibSpace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forEach>
                          </dgm:if>
                          <dgm:else name="Name35"/>
                        </dgm:choose>
                      </dgm:forEach>
                    </dgm:layoutNode>
                  </dgm:layoutNode>
                  <dgm:choose name="Name36">
                    <dgm:if name="Name37" axis="self" ptType="node" func="revPos" op="gte" val="2">
                      <dgm:forEach name="Name38" axis="followSib" ptType="sibTrans" cnt="1">
                        <dgm:layoutNode name="sibSpace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forEach>
                    </dgm:if>
                    <dgm:else name="Name39"/>
                  </dgm:choose>
                </dgm:forEach>
              </dgm:layoutNode>
            </dgm:layoutNode>
            <dgm:choose name="Name40">
              <dgm:if name="Name41" axis="self" ptType="node" func="revPos" op="gte" val="2">
                <dgm:forEach name="Name42" axis="followSib" ptType="sibTrans" cnt="1">
                  <dgm:layoutNode name="sibSpace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forEach>
              </dgm:if>
              <dgm:else name="Name43"/>
            </dgm:choose>
          </dgm:forEach>
        </dgm:layoutNode>
      </dgm:layoutNode>
      <dgm:choose name="Name44">
        <dgm:if name="Name45" axis="self" ptType="node" func="revPos" op="gte" val="2">
          <dgm:forEach name="Name46" axis="followSib" ptType="sibTrans" cnt="1">
            <dgm:layoutNode name="sibSpace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if>
        <dgm:else name="Name47"/>
      </dgm:choose>
    </dgm:forEach>
  </dgm:layoutNode>
</dgm:layoutDef>
</file>

<file path=ppt/diagrams/layout11.xml><?xml version="1.0" encoding="utf-8"?>
<dgm:layoutDef xmlns:dgm="http://schemas.openxmlformats.org/drawingml/2006/diagram" xmlns:a="http://schemas.openxmlformats.org/drawingml/2006/main" uniqueId="urn:microsoft.com/office/officeart/2005/8/layout/hProcess10">
  <dgm:title val=""/>
  <dgm:desc val=""/>
  <dgm:catLst>
    <dgm:cat type="process" pri="3000"/>
    <dgm:cat type="picture" pri="30000"/>
    <dgm:cat type="pictureconvert" pri="30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composite" refType="w"/>
      <dgm:constr type="w" for="ch" ptType="sibTrans" refType="w" refFor="ch" refForName="composite" op="equ" fact="0.3333"/>
      <dgm:constr type="primFontSz" for="des" forName="txNode" op="equ" val="65"/>
      <dgm:constr type="primFontSz" for="des" forName="connTx" op="equ" val="55"/>
      <dgm:constr type="primFontSz" for="des" forName="connTx" refType="primFontSz" refFor="des" refForName="txNode" op="lte" fact="0.8"/>
    </dgm:constrLst>
    <dgm:ruleLst/>
    <dgm:forEach name="Name4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5">
          <dgm:if name="Name6" func="var" arg="dir" op="equ" val="norm">
            <dgm:constrLst>
              <dgm:constr type="l" for="ch" forName="imagSh"/>
              <dgm:constr type="w" for="ch" forName="imagSh" refType="w" fact="0.86"/>
              <dgm:constr type="t" for="ch" forName="imagSh"/>
              <dgm:constr type="h" for="ch" forName="imagSh" refType="w" refFor="ch" refForName="imagSh"/>
              <dgm:constr type="l" for="ch" forName="txNode" refType="w" fact="0.14"/>
              <dgm:constr type="w" for="ch" forName="txNode" refType="w" refFor="ch" refForName="imagSh"/>
              <dgm:constr type="t" for="ch" forName="txNode" refType="h" refFor="ch" refForName="imagSh" fact="0.6"/>
              <dgm:constr type="h" for="ch" forName="txNode" refType="h" refFor="ch" refForName="imagSh"/>
            </dgm:constrLst>
          </dgm:if>
          <dgm:else name="Name7">
            <dgm:constrLst>
              <dgm:constr type="l" for="ch" forName="imagSh" refType="w" fact="0.14"/>
              <dgm:constr type="w" for="ch" forName="imagSh" refType="w" fact="0.86"/>
              <dgm:constr type="t" for="ch" forName="imagSh"/>
              <dgm:constr type="h" for="ch" forName="imagSh" refType="w" refFor="ch" refForName="imagSh"/>
              <dgm:constr type="l" for="ch" forName="txNode"/>
              <dgm:constr type="w" for="ch" forName="txNode" refType="w" refFor="ch" refForName="imagSh"/>
              <dgm:constr type="t" for="ch" forName="txNode" refType="h" refFor="ch" refForName="imagSh" fact="0.6"/>
              <dgm:constr type="h" for="ch" forName="txNode" refType="h" refFor="ch" refForName="imagSh"/>
            </dgm:constrLst>
          </dgm:else>
        </dgm:choose>
        <dgm:ruleLst/>
        <dgm:layoutNode name="imagSh" styleLbl="bgImgPlace1">
          <dgm:alg type="sp"/>
          <dgm:shape xmlns:r="http://schemas.openxmlformats.org/officeDocument/2006/relationships" type="roundRect" r:blip="" blipPhldr="1">
            <dgm:adjLst>
              <dgm:adj idx="1" val="0.1"/>
            </dgm:adjLst>
          </dgm:shape>
          <dgm:presOf/>
          <dgm:constrLst/>
          <dgm:ruleLst/>
        </dgm:layoutNode>
        <dgm:layoutNode name="txNode" styleLbl="node1">
          <dgm:varLst>
            <dgm:bulletEnabled val="1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desOrSelf" ptType="node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  <dgm:param type="srcNode" val="imagSh"/>
            <dgm:param type="dstNode" val="imagSh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  <dgm:constr type="begPad" refType="connDist" fact="0.35"/>
            <dgm:constr type="endPad" refType="connDist" fact="0.3"/>
          </dgm:constrLst>
          <dgm:ruleLst/>
          <dgm:layoutNode name="connTx">
            <dgm:alg type="tx">
              <dgm:param type="autoTxRot" val="grav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12.xml><?xml version="1.0" encoding="utf-8"?>
<dgm:layoutDef xmlns:dgm="http://schemas.openxmlformats.org/drawingml/2006/diagram" xmlns:a="http://schemas.openxmlformats.org/drawingml/2006/main" uniqueId="urn:microsoft.com/office/officeart/2005/8/layout/cycle2">
  <dgm:title val=""/>
  <dgm:desc val=""/>
  <dgm:catLst>
    <dgm:cat type="cycle" pri="1000"/>
    <dgm:cat type="convert" pri="10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ycle">
    <dgm:varLst>
      <dgm:dir/>
      <dgm:resizeHandles val="exact"/>
    </dgm:varLst>
    <dgm:choose name="Name0">
      <dgm:if name="Name1" func="var" arg="dir" op="equ" val="norm">
        <dgm:choose name="Name2">
          <dgm:if name="Name3" axis="ch" ptType="node" func="cnt" op="gt" val="2">
            <dgm:alg type="cycle">
              <dgm:param type="stAng" val="0"/>
              <dgm:param type="spanAng" val="360"/>
            </dgm:alg>
          </dgm:if>
          <dgm:else name="Name4">
            <dgm:alg type="cycle">
              <dgm:param type="stAng" val="-90"/>
              <dgm:param type="spanAng" val="360"/>
            </dgm:alg>
          </dgm:else>
        </dgm:choose>
      </dgm:if>
      <dgm:else name="Name5">
        <dgm:choose name="Name6">
          <dgm:if name="Name7" axis="ch" ptType="node" func="cnt" op="gt" val="2">
            <dgm:alg type="cycle">
              <dgm:param type="stAng" val="0"/>
              <dgm:param type="spanAng" val="-360"/>
            </dgm:alg>
          </dgm:if>
          <dgm:else name="Name8">
            <dgm:alg type="cycle">
              <dgm:param type="stAng" val="90"/>
              <dgm:param type="spanAng" val="-360"/>
            </dgm:alg>
          </dgm:else>
        </dgm:choose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ptType="sibTrans" refType="w" refFor="ch" refPtType="node" op="equ" fact="0.25"/>
      <dgm:constr type="sibSp" refType="w" refFor="ch" refPtType="node" fact="0.5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>
          <dgm:param type="txAnchorVertCh" val="mid"/>
        </dgm:alg>
        <dgm:shape xmlns:r="http://schemas.openxmlformats.org/officeDocument/2006/relationships" type="ellipse" r:blip="">
          <dgm:adjLst/>
        </dgm:shape>
        <dgm:presOf axis="desOrSelf" ptType="node"/>
        <dgm:constrLst>
          <dgm:constr type="h" refType="w"/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  <dgm:choose name="Name9">
        <dgm:if name="Name10" axis="par ch" ptType="doc node" func="cnt" op="gt" val="1">
          <dgm:forEach name="sibTransForEach" axis="followSib" ptType="sibTrans" hideLastTrans="0" cnt="1">
            <dgm:layoutNode name="sibTrans">
              <dgm:choose name="Name11">
                <dgm:if name="Name12" axis="par ch" ptType="doc node" func="cnt" op="lt" val="3">
                  <dgm:alg type="conn">
                    <dgm:param type="begPts" val="radial"/>
                    <dgm:param type="endPts" val="radial"/>
                  </dgm:alg>
                </dgm:if>
                <dgm:else name="Name13">
                  <dgm:alg type="conn">
                    <dgm:param type="begPts" val="auto"/>
                    <dgm:param type="endPts" val="auto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1.35"/>
                <dgm:constr type="connDist"/>
                <dgm:constr type="w" for="ch" refType="connDist" fact="0.45"/>
                <dgm:constr type="h" for="ch" refType="h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14"/>
      </dgm:choos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8/layout/CircularPictureCallout">
  <dgm:title val=""/>
  <dgm:desc val=""/>
  <dgm:catLst>
    <dgm:cat type="picture" pri="2000"/>
    <dgm:cat type="pictureconvert" pri="2000"/>
  </dgm:catLst>
  <dgm:sampData>
    <dgm:dataModel>
      <dgm:ptLst>
        <dgm:pt modelId="0" type="doc"/>
        <dgm:pt modelId="1"/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chMax val="7"/>
      <dgm:chPref val="7"/>
      <dgm:dir/>
    </dgm:varLst>
    <dgm:alg type="composite"/>
    <dgm:shape xmlns:r="http://schemas.openxmlformats.org/officeDocument/2006/relationships" r:blip="">
      <dgm:adjLst/>
    </dgm:shape>
    <dgm:constrLst>
      <dgm:constr type="w" for="ch" refType="h" refFor="ch" op="gte" fact="2"/>
    </dgm:constrLst>
    <dgm:layoutNode name="Name1">
      <dgm:alg type="composite"/>
      <dgm:shape xmlns:r="http://schemas.openxmlformats.org/officeDocument/2006/relationships" r:blip="">
        <dgm:adjLst/>
      </dgm:shape>
      <dgm:choose name="Name2">
        <dgm:if name="Name3" axis="ch" ptType="node" func="cnt" op="lte" val="1">
          <dgm:constrLst>
            <dgm:constr type="h" for="ch" forName="picture_1" refType="h"/>
            <dgm:constr type="w" for="ch" forName="picture_1" refType="h" refFor="ch" refForName="picture_1" op="equ"/>
            <dgm:constr type="l" for="ch" forName="picture_1"/>
            <dgm:constr type="t" for="ch" forName="picture_1"/>
            <dgm:constr type="w" for="ch" forName="text_1" refType="w" refFor="ch" refForName="picture_1" fact="0.64"/>
            <dgm:constr type="h" for="ch" forName="text_1" refType="h" refFor="ch" refForName="picture_1" fact="0.33"/>
            <dgm:constr type="l" for="ch" forName="text_1" refType="w" refFor="ch" refForName="picture_1" fact="0.18"/>
            <dgm:constr type="t" for="ch" forName="text_1" refType="h" refFor="ch" refForName="picture_1" fact="0.531"/>
          </dgm:constrLst>
        </dgm:if>
        <dgm:if name="Name4" axis="ch" ptType="node" func="cnt" op="lte" val="2">
          <dgm:choose name="Name5">
            <dgm:if name="Name6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5"/>
                <dgm:constr type="h" for="ch" forName="picture_2" refType="h" refFor="ch" refForName="picture_1" fact="0.5"/>
                <dgm:constr type="l" for="ch" forName="picture_2" refType="w" refFor="ch" refForName="picture_1" fact="1.21"/>
                <dgm:constr type="ctrY" for="ch" forName="picture_2" refType="h" refFor="ch" refForName="picture_1" fact="0.5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</dgm:constrLst>
            </dgm:if>
            <dgm:else name="Name7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5"/>
                <dgm:constr type="h" for="ch" forName="picture_2" refType="h" refFor="ch" refForName="picture_1" fact="0.5"/>
                <dgm:constr type="r" for="ch" forName="picture_2" refType="w"/>
                <dgm:constr type="rOff" for="ch" forName="picture_2" refType="w" refFor="ch" refForName="picture_1" fact="-1.21"/>
                <dgm:constr type="ctrY" for="ch" forName="picture_2" refType="h" refFor="ch" refForName="picture_1" fact="0.5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</dgm:constrLst>
            </dgm:else>
          </dgm:choose>
        </dgm:if>
        <dgm:if name="Name8" axis="ch" ptType="node" func="cnt" op="lte" val="3">
          <dgm:choose name="Name9">
            <dgm:if name="Name10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375"/>
                <dgm:constr type="h" for="ch" forName="picture_2" refType="h" refFor="ch" refForName="picture_1" fact="0.375"/>
                <dgm:constr type="l" for="ch" forName="picture_2" refType="w" refFor="ch" refForName="picture_1" fact="1.21"/>
                <dgm:constr type="ctrY" for="ch" forName="picture_2" refType="h" refFor="ch" refForName="picture_1" fact="0.1875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375"/>
                <dgm:constr type="h" for="ch" forName="picture_3" refType="h" refFor="ch" refForName="picture_1" fact="0.375"/>
                <dgm:constr type="l" for="ch" forName="picture_3" refType="w" refFor="ch" refForName="picture_1" fact="1.21"/>
                <dgm:constr type="ctrY" for="ch" forName="picture_3" refType="h" refFor="ch" refForName="picture_1" fact="0.8125"/>
                <dgm:constr type="l" for="ch" forName="line_3" refType="ctrX" refFor="ch" refForName="picture_1"/>
                <dgm:constr type="h" for="ch" forName="line_3"/>
                <dgm:constr type="r" for="ch" forName="line_3" refType="ctrX" refFor="ch" refForName="picture_3"/>
                <dgm:constr type="ctrY" for="ch" forName="line_3" refType="ctrY" refFor="ch" refForName="picture_3"/>
                <dgm:constr type="r" for="ch" forName="textparent_3" refType="w"/>
                <dgm:constr type="h" for="ch" forName="textparent_3" refType="h" refFor="ch" refForName="picture_3"/>
                <dgm:constr type="l" for="ch" forName="textparent_3" refType="r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</dgm:constrLst>
            </dgm:if>
            <dgm:else name="Name11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375"/>
                <dgm:constr type="h" for="ch" forName="picture_2" refType="h" refFor="ch" refForName="picture_1" fact="0.375"/>
                <dgm:constr type="r" for="ch" forName="picture_2" refType="w"/>
                <dgm:constr type="rOff" for="ch" forName="picture_2" refType="w" refFor="ch" refForName="picture_1" fact="-1.21"/>
                <dgm:constr type="ctrY" for="ch" forName="picture_2" refType="h" refFor="ch" refForName="picture_1" fact="0.1875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375"/>
                <dgm:constr type="h" for="ch" forName="picture_3" refType="h" refFor="ch" refForName="picture_1" fact="0.375"/>
                <dgm:constr type="r" for="ch" forName="picture_3" refType="w"/>
                <dgm:constr type="rOff" for="ch" forName="picture_3" refType="w" refFor="ch" refForName="picture_1" fact="-1.21"/>
                <dgm:constr type="ctrY" for="ch" forName="picture_3" refType="h" refFor="ch" refForName="picture_1" fact="0.8125"/>
                <dgm:constr type="r" for="ch" forName="line_3" refType="ctrX" refFor="ch" refForName="picture_1"/>
                <dgm:constr type="h" for="ch" forName="line_3"/>
                <dgm:constr type="l" for="ch" forName="line_3" refType="ctrX" refFor="ch" refForName="picture_3"/>
                <dgm:constr type="ctrY" for="ch" forName="line_3" refType="ctrY" refFor="ch" refForName="picture_3"/>
                <dgm:constr type="l" for="ch" forName="textparent_3"/>
                <dgm:constr type="h" for="ch" forName="textparent_3" refType="h" refFor="ch" refForName="picture_3"/>
                <dgm:constr type="r" for="ch" forName="textparent_3" refType="l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</dgm:constrLst>
            </dgm:else>
          </dgm:choose>
        </dgm:if>
        <dgm:if name="Name12" axis="ch" ptType="node" func="cnt" op="lte" val="4">
          <dgm:choose name="Name13">
            <dgm:if name="Name14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3"/>
                <dgm:constr type="h" for="ch" forName="picture_2" refType="h" refFor="ch" refForName="picture_1" fact="0.3"/>
                <dgm:constr type="l" for="ch" forName="picture_2" refType="w" refFor="ch" refForName="picture_1" fact="1.354"/>
                <dgm:constr type="ctrY" for="ch" forName="picture_2" refType="h" refFor="ch" refForName="picture_1" fact="0.15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3"/>
                <dgm:constr type="h" for="ch" forName="picture_3" refType="h" refFor="ch" refForName="picture_1" fact="0.3"/>
                <dgm:constr type="l" for="ch" forName="picture_3" refType="w" refFor="ch" refForName="picture_1" fact="1.21"/>
                <dgm:constr type="ctrY" for="ch" forName="picture_3" refType="h" refFor="ch" refForName="picture_1" fact="0.5"/>
                <dgm:constr type="l" for="ch" forName="line_3" refType="ctrX" refFor="ch" refForName="picture_1"/>
                <dgm:constr type="h" for="ch" forName="line_3"/>
                <dgm:constr type="r" for="ch" forName="line_3" refType="ctrX" refFor="ch" refForName="picture_3"/>
                <dgm:constr type="ctrY" for="ch" forName="line_3" refType="ctrY" refFor="ch" refForName="picture_3"/>
                <dgm:constr type="r" for="ch" forName="textparent_3" refType="w"/>
                <dgm:constr type="h" for="ch" forName="textparent_3" refType="h" refFor="ch" refForName="picture_3"/>
                <dgm:constr type="l" for="ch" forName="textparent_3" refType="r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3"/>
                <dgm:constr type="h" for="ch" forName="picture_4" refType="h" refFor="ch" refForName="picture_1" fact="0.3"/>
                <dgm:constr type="l" for="ch" forName="picture_4" refType="w" refFor="ch" refForName="picture_1" fact="1.354"/>
                <dgm:constr type="ctrY" for="ch" forName="picture_4" refType="h" refFor="ch" refForName="picture_1" fact="0.85"/>
                <dgm:constr type="l" for="ch" forName="line_4" refType="ctrX" refFor="ch" refForName="picture_1"/>
                <dgm:constr type="h" for="ch" forName="line_4"/>
                <dgm:constr type="r" for="ch" forName="line_4" refType="ctrX" refFor="ch" refForName="picture_4"/>
                <dgm:constr type="ctrY" for="ch" forName="line_4" refType="ctrY" refFor="ch" refForName="picture_4"/>
                <dgm:constr type="r" for="ch" forName="textparent_4" refType="w"/>
                <dgm:constr type="h" for="ch" forName="textparent_4" refType="h" refFor="ch" refForName="picture_4"/>
                <dgm:constr type="l" for="ch" forName="textparent_4" refType="r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</dgm:constrLst>
            </dgm:if>
            <dgm:else name="Name15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3"/>
                <dgm:constr type="h" for="ch" forName="picture_2" refType="h" refFor="ch" refForName="picture_1" fact="0.3"/>
                <dgm:constr type="r" for="ch" forName="picture_2" refType="w"/>
                <dgm:constr type="rOff" for="ch" forName="picture_2" refType="w" refFor="ch" refForName="picture_1" fact="-1.354"/>
                <dgm:constr type="ctrY" for="ch" forName="picture_2" refType="h" refFor="ch" refForName="picture_1" fact="0.15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3"/>
                <dgm:constr type="h" for="ch" forName="picture_3" refType="h" refFor="ch" refForName="picture_1" fact="0.3"/>
                <dgm:constr type="r" for="ch" forName="picture_3" refType="w"/>
                <dgm:constr type="rOff" for="ch" forName="picture_3" refType="w" refFor="ch" refForName="picture_1" fact="-1.21"/>
                <dgm:constr type="ctrY" for="ch" forName="picture_3" refType="h" refFor="ch" refForName="picture_1" fact="0.5"/>
                <dgm:constr type="r" for="ch" forName="line_3" refType="ctrX" refFor="ch" refForName="picture_1"/>
                <dgm:constr type="h" for="ch" forName="line_3"/>
                <dgm:constr type="l" for="ch" forName="line_3" refType="ctrX" refFor="ch" refForName="picture_3"/>
                <dgm:constr type="ctrY" for="ch" forName="line_3" refType="ctrY" refFor="ch" refForName="picture_3"/>
                <dgm:constr type="l" for="ch" forName="textparent_3"/>
                <dgm:constr type="h" for="ch" forName="textparent_3" refType="h" refFor="ch" refForName="picture_3"/>
                <dgm:constr type="r" for="ch" forName="textparent_3" refType="l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3"/>
                <dgm:constr type="h" for="ch" forName="picture_4" refType="h" refFor="ch" refForName="picture_1" fact="0.3"/>
                <dgm:constr type="r" for="ch" forName="picture_4" refType="w"/>
                <dgm:constr type="rOff" for="ch" forName="picture_4" refType="w" refFor="ch" refForName="picture_1" fact="-1.354"/>
                <dgm:constr type="ctrY" for="ch" forName="picture_4" refType="h" refFor="ch" refForName="picture_1" fact="0.85"/>
                <dgm:constr type="r" for="ch" forName="line_4" refType="ctrX" refFor="ch" refForName="picture_1"/>
                <dgm:constr type="h" for="ch" forName="line_4"/>
                <dgm:constr type="l" for="ch" forName="line_4" refType="ctrX" refFor="ch" refForName="picture_4"/>
                <dgm:constr type="ctrY" for="ch" forName="line_4" refType="ctrY" refFor="ch" refForName="picture_4"/>
                <dgm:constr type="l" for="ch" forName="textparent_4"/>
                <dgm:constr type="h" for="ch" forName="textparent_4" refType="h" refFor="ch" refForName="picture_4"/>
                <dgm:constr type="r" for="ch" forName="textparent_4" refType="l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</dgm:constrLst>
            </dgm:else>
          </dgm:choose>
        </dgm:if>
        <dgm:if name="Name16" axis="ch" ptType="node" func="cnt" op="lte" val="5">
          <dgm:choose name="Name17">
            <dgm:if name="Name18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22"/>
                <dgm:constr type="h" for="ch" forName="picture_2" refType="h" refFor="ch" refForName="picture_1" fact="0.22"/>
                <dgm:constr type="l" for="ch" forName="picture_2" refType="w" refFor="ch" refForName="picture_1" fact="1.375"/>
                <dgm:constr type="ctrY" for="ch" forName="picture_2" refType="h" refFor="ch" refForName="picture_1" fact="0.11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22"/>
                <dgm:constr type="h" for="ch" forName="picture_3" refType="h" refFor="ch" refForName="picture_1" fact="0.22"/>
                <dgm:constr type="l" for="ch" forName="picture_3" refType="w" refFor="ch" refForName="picture_1" fact="1.21"/>
                <dgm:constr type="ctrY" for="ch" forName="picture_3" refType="h" refFor="ch" refForName="picture_1" fact="0.353"/>
                <dgm:constr type="l" for="ch" forName="line_3" refType="ctrX" refFor="ch" refForName="picture_1"/>
                <dgm:constr type="h" for="ch" forName="line_3"/>
                <dgm:constr type="r" for="ch" forName="line_3" refType="ctrX" refFor="ch" refForName="picture_3"/>
                <dgm:constr type="ctrY" for="ch" forName="line_3" refType="ctrY" refFor="ch" refForName="picture_3"/>
                <dgm:constr type="r" for="ch" forName="textparent_3" refType="w"/>
                <dgm:constr type="h" for="ch" forName="textparent_3" refType="h" refFor="ch" refForName="picture_3"/>
                <dgm:constr type="l" for="ch" forName="textparent_3" refType="r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22"/>
                <dgm:constr type="h" for="ch" forName="picture_4" refType="h" refFor="ch" refForName="picture_1" fact="0.22"/>
                <dgm:constr type="l" for="ch" forName="picture_4" refType="w" refFor="ch" refForName="picture_1" fact="1.21"/>
                <dgm:constr type="ctrY" for="ch" forName="picture_4" refType="h" refFor="ch" refForName="picture_1" fact="0.647"/>
                <dgm:constr type="l" for="ch" forName="line_4" refType="ctrX" refFor="ch" refForName="picture_1"/>
                <dgm:constr type="h" for="ch" forName="line_4"/>
                <dgm:constr type="r" for="ch" forName="line_4" refType="ctrX" refFor="ch" refForName="picture_4"/>
                <dgm:constr type="ctrY" for="ch" forName="line_4" refType="ctrY" refFor="ch" refForName="picture_4"/>
                <dgm:constr type="r" for="ch" forName="textparent_4" refType="w"/>
                <dgm:constr type="h" for="ch" forName="textparent_4" refType="h" refFor="ch" refForName="picture_4"/>
                <dgm:constr type="l" for="ch" forName="textparent_4" refType="r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22"/>
                <dgm:constr type="h" for="ch" forName="picture_5" refType="h" refFor="ch" refForName="picture_1" fact="0.22"/>
                <dgm:constr type="l" for="ch" forName="picture_5" refType="w" refFor="ch" refForName="picture_1" fact="1.375"/>
                <dgm:constr type="ctrY" for="ch" forName="picture_5" refType="h" refFor="ch" refForName="picture_1" fact="0.89"/>
                <dgm:constr type="l" for="ch" forName="line_5" refType="ctrX" refFor="ch" refForName="picture_1"/>
                <dgm:constr type="h" for="ch" forName="line_5"/>
                <dgm:constr type="r" for="ch" forName="line_5" refType="ctrX" refFor="ch" refForName="picture_5"/>
                <dgm:constr type="ctrY" for="ch" forName="line_5" refType="ctrY" refFor="ch" refForName="picture_5"/>
                <dgm:constr type="r" for="ch" forName="textparent_5" refType="w"/>
                <dgm:constr type="h" for="ch" forName="textparent_5" refType="h" refFor="ch" refForName="picture_5"/>
                <dgm:constr type="l" for="ch" forName="textparent_5" refType="r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</dgm:constrLst>
            </dgm:if>
            <dgm:else name="Name19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22"/>
                <dgm:constr type="h" for="ch" forName="picture_2" refType="h" refFor="ch" refForName="picture_1" fact="0.22"/>
                <dgm:constr type="r" for="ch" forName="picture_2" refType="w"/>
                <dgm:constr type="rOff" for="ch" forName="picture_2" refType="w" refFor="ch" refForName="picture_1" fact="-1.375"/>
                <dgm:constr type="ctrY" for="ch" forName="picture_2" refType="h" refFor="ch" refForName="picture_1" fact="0.11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22"/>
                <dgm:constr type="h" for="ch" forName="picture_3" refType="h" refFor="ch" refForName="picture_1" fact="0.22"/>
                <dgm:constr type="r" for="ch" forName="picture_3" refType="w"/>
                <dgm:constr type="rOff" for="ch" forName="picture_3" refType="w" refFor="ch" refForName="picture_1" fact="-1.21"/>
                <dgm:constr type="ctrY" for="ch" forName="picture_3" refType="h" refFor="ch" refForName="picture_1" fact="0.353"/>
                <dgm:constr type="r" for="ch" forName="line_3" refType="ctrX" refFor="ch" refForName="picture_1"/>
                <dgm:constr type="h" for="ch" forName="line_3"/>
                <dgm:constr type="l" for="ch" forName="line_3" refType="ctrX" refFor="ch" refForName="picture_3"/>
                <dgm:constr type="ctrY" for="ch" forName="line_3" refType="ctrY" refFor="ch" refForName="picture_3"/>
                <dgm:constr type="l" for="ch" forName="textparent_3"/>
                <dgm:constr type="h" for="ch" forName="textparent_3" refType="h" refFor="ch" refForName="picture_3"/>
                <dgm:constr type="r" for="ch" forName="textparent_3" refType="l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22"/>
                <dgm:constr type="h" for="ch" forName="picture_4" refType="h" refFor="ch" refForName="picture_1" fact="0.22"/>
                <dgm:constr type="r" for="ch" forName="picture_4" refType="w"/>
                <dgm:constr type="rOff" for="ch" forName="picture_4" refType="w" refFor="ch" refForName="picture_1" fact="-1.21"/>
                <dgm:constr type="ctrY" for="ch" forName="picture_4" refType="h" refFor="ch" refForName="picture_1" fact="0.647"/>
                <dgm:constr type="r" for="ch" forName="line_4" refType="ctrX" refFor="ch" refForName="picture_1"/>
                <dgm:constr type="h" for="ch" forName="line_4"/>
                <dgm:constr type="l" for="ch" forName="line_4" refType="ctrX" refFor="ch" refForName="picture_4"/>
                <dgm:constr type="ctrY" for="ch" forName="line_4" refType="ctrY" refFor="ch" refForName="picture_4"/>
                <dgm:constr type="l" for="ch" forName="textparent_4"/>
                <dgm:constr type="h" for="ch" forName="textparent_4" refType="h" refFor="ch" refForName="picture_4"/>
                <dgm:constr type="r" for="ch" forName="textparent_4" refType="l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22"/>
                <dgm:constr type="h" for="ch" forName="picture_5" refType="h" refFor="ch" refForName="picture_1" fact="0.22"/>
                <dgm:constr type="r" for="ch" forName="picture_5" refType="w"/>
                <dgm:constr type="rOff" for="ch" forName="picture_5" refType="w" refFor="ch" refForName="picture_1" fact="-1.375"/>
                <dgm:constr type="ctrY" for="ch" forName="picture_5" refType="h" refFor="ch" refForName="picture_1" fact="0.89"/>
                <dgm:constr type="r" for="ch" forName="line_5" refType="ctrX" refFor="ch" refForName="picture_1"/>
                <dgm:constr type="h" for="ch" forName="line_5"/>
                <dgm:constr type="l" for="ch" forName="line_5" refType="ctrX" refFor="ch" refForName="picture_5"/>
                <dgm:constr type="ctrY" for="ch" forName="line_5" refType="ctrY" refFor="ch" refForName="picture_5"/>
                <dgm:constr type="l" for="ch" forName="textparent_5"/>
                <dgm:constr type="h" for="ch" forName="textparent_5" refType="h" refFor="ch" refForName="picture_5"/>
                <dgm:constr type="r" for="ch" forName="textparent_5" refType="l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</dgm:constrLst>
            </dgm:else>
          </dgm:choose>
        </dgm:if>
        <dgm:if name="Name20" axis="ch" ptType="node" func="cnt" op="lte" val="6">
          <dgm:choose name="Name21">
            <dgm:if name="Name22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18"/>
                <dgm:constr type="h" for="ch" forName="picture_2" refType="h" refFor="ch" refForName="picture_1" fact="0.18"/>
                <dgm:constr type="l" for="ch" forName="picture_2" refType="w" refFor="ch" refForName="picture_1" fact="1.4238"/>
                <dgm:constr type="ctrY" for="ch" forName="picture_2" refType="h" refFor="ch" refForName="picture_1" fact="0.09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18"/>
                <dgm:constr type="h" for="ch" forName="picture_3" refType="h" refFor="ch" refForName="picture_1" fact="0.18"/>
                <dgm:constr type="l" for="ch" forName="picture_3" refType="w" refFor="ch" refForName="picture_1" fact="1.2667"/>
                <dgm:constr type="ctrY" for="ch" forName="picture_3" refType="h" refFor="ch" refForName="picture_1" fact="0.261"/>
                <dgm:constr type="l" for="ch" forName="line_3" refType="ctrX" refFor="ch" refForName="picture_1"/>
                <dgm:constr type="h" for="ch" forName="line_3"/>
                <dgm:constr type="r" for="ch" forName="line_3" refType="ctrX" refFor="ch" refForName="picture_3"/>
                <dgm:constr type="ctrY" for="ch" forName="line_3" refType="ctrY" refFor="ch" refForName="picture_3"/>
                <dgm:constr type="r" for="ch" forName="textparent_3" refType="w"/>
                <dgm:constr type="h" for="ch" forName="textparent_3" refType="h" refFor="ch" refForName="picture_3"/>
                <dgm:constr type="l" for="ch" forName="textparent_3" refType="r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18"/>
                <dgm:constr type="h" for="ch" forName="picture_4" refType="h" refFor="ch" refForName="picture_1" fact="0.18"/>
                <dgm:constr type="l" for="ch" forName="picture_4" refType="w" refFor="ch" refForName="picture_1" fact="1.21"/>
                <dgm:constr type="ctrY" for="ch" forName="picture_4" refType="h" refFor="ch" refForName="picture_1" fact="0.5"/>
                <dgm:constr type="l" for="ch" forName="line_4" refType="ctrX" refFor="ch" refForName="picture_1"/>
                <dgm:constr type="h" for="ch" forName="line_4"/>
                <dgm:constr type="r" for="ch" forName="line_4" refType="ctrX" refFor="ch" refForName="picture_4"/>
                <dgm:constr type="ctrY" for="ch" forName="line_4" refType="ctrY" refFor="ch" refForName="picture_4"/>
                <dgm:constr type="r" for="ch" forName="textparent_4" refType="w"/>
                <dgm:constr type="h" for="ch" forName="textparent_4" refType="h" refFor="ch" refForName="picture_4"/>
                <dgm:constr type="l" for="ch" forName="textparent_4" refType="r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18"/>
                <dgm:constr type="h" for="ch" forName="picture_5" refType="h" refFor="ch" refForName="picture_1" fact="0.18"/>
                <dgm:constr type="l" for="ch" forName="picture_5" refType="w" refFor="ch" refForName="picture_1" fact="1.2667"/>
                <dgm:constr type="ctrY" for="ch" forName="picture_5" refType="h" refFor="ch" refForName="picture_1" fact="0.739"/>
                <dgm:constr type="l" for="ch" forName="line_5" refType="ctrX" refFor="ch" refForName="picture_1"/>
                <dgm:constr type="h" for="ch" forName="line_5"/>
                <dgm:constr type="r" for="ch" forName="line_5" refType="ctrX" refFor="ch" refForName="picture_5"/>
                <dgm:constr type="ctrY" for="ch" forName="line_5" refType="ctrY" refFor="ch" refForName="picture_5"/>
                <dgm:constr type="r" for="ch" forName="textparent_5" refType="w"/>
                <dgm:constr type="h" for="ch" forName="textparent_5" refType="h" refFor="ch" refForName="picture_5"/>
                <dgm:constr type="l" for="ch" forName="textparent_5" refType="r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  <dgm:constr type="w" for="ch" forName="picture_6" refType="w" refFor="ch" refForName="picture_1" fact="0.18"/>
                <dgm:constr type="h" for="ch" forName="picture_6" refType="h" refFor="ch" refForName="picture_1" fact="0.18"/>
                <dgm:constr type="l" for="ch" forName="picture_6" refType="w" refFor="ch" refForName="picture_1" fact="1.4238"/>
                <dgm:constr type="ctrY" for="ch" forName="picture_6" refType="h" refFor="ch" refForName="picture_1" fact="0.91"/>
                <dgm:constr type="l" for="ch" forName="line_6" refType="ctrX" refFor="ch" refForName="picture_1"/>
                <dgm:constr type="h" for="ch" forName="line_6"/>
                <dgm:constr type="r" for="ch" forName="line_6" refType="ctrX" refFor="ch" refForName="picture_6"/>
                <dgm:constr type="ctrY" for="ch" forName="line_6" refType="ctrY" refFor="ch" refForName="picture_6"/>
                <dgm:constr type="r" for="ch" forName="textparent_6" refType="w"/>
                <dgm:constr type="h" for="ch" forName="textparent_6" refType="h" refFor="ch" refForName="picture_6"/>
                <dgm:constr type="l" for="ch" forName="textparent_6" refType="r" refFor="ch" refForName="picture_6"/>
                <dgm:constr type="ctrY" for="ch" forName="textparent_6" refType="ctrY" refFor="ch" refForName="picture_6"/>
                <dgm:constr type="primFontSz" for="des" forName="text_6" refType="primFontSz" refFor="des" refForName="text_2" op="equ"/>
              </dgm:constrLst>
            </dgm:if>
            <dgm:else name="Name23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18"/>
                <dgm:constr type="h" for="ch" forName="picture_2" refType="h" refFor="ch" refForName="picture_1" fact="0.18"/>
                <dgm:constr type="r" for="ch" forName="picture_2" refType="w"/>
                <dgm:constr type="rOff" for="ch" forName="picture_2" refType="w" refFor="ch" refForName="picture_1" fact="-1.4238"/>
                <dgm:constr type="ctrY" for="ch" forName="picture_2" refType="h" refFor="ch" refForName="picture_1" fact="0.09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18"/>
                <dgm:constr type="h" for="ch" forName="picture_3" refType="h" refFor="ch" refForName="picture_1" fact="0.18"/>
                <dgm:constr type="r" for="ch" forName="picture_3" refType="w"/>
                <dgm:constr type="rOff" for="ch" forName="picture_3" refType="w" refFor="ch" refForName="picture_1" fact="-1.2667"/>
                <dgm:constr type="ctrY" for="ch" forName="picture_3" refType="h" refFor="ch" refForName="picture_1" fact="0.261"/>
                <dgm:constr type="r" for="ch" forName="line_3" refType="ctrX" refFor="ch" refForName="picture_1"/>
                <dgm:constr type="h" for="ch" forName="line_3"/>
                <dgm:constr type="l" for="ch" forName="line_3" refType="ctrX" refFor="ch" refForName="picture_3"/>
                <dgm:constr type="ctrY" for="ch" forName="line_3" refType="ctrY" refFor="ch" refForName="picture_3"/>
                <dgm:constr type="l" for="ch" forName="textparent_3"/>
                <dgm:constr type="h" for="ch" forName="textparent_3" refType="h" refFor="ch" refForName="picture_3"/>
                <dgm:constr type="r" for="ch" forName="textparent_3" refType="l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18"/>
                <dgm:constr type="h" for="ch" forName="picture_4" refType="h" refFor="ch" refForName="picture_1" fact="0.18"/>
                <dgm:constr type="r" for="ch" forName="picture_4" refType="w"/>
                <dgm:constr type="rOff" for="ch" forName="picture_4" refType="w" refFor="ch" refForName="picture_1" fact="-1.21"/>
                <dgm:constr type="ctrY" for="ch" forName="picture_4" refType="h" refFor="ch" refForName="picture_1" fact="0.5"/>
                <dgm:constr type="r" for="ch" forName="line_4" refType="ctrX" refFor="ch" refForName="picture_1"/>
                <dgm:constr type="h" for="ch" forName="line_4"/>
                <dgm:constr type="l" for="ch" forName="line_4" refType="ctrX" refFor="ch" refForName="picture_4"/>
                <dgm:constr type="ctrY" for="ch" forName="line_4" refType="ctrY" refFor="ch" refForName="picture_4"/>
                <dgm:constr type="l" for="ch" forName="textparent_4"/>
                <dgm:constr type="h" for="ch" forName="textparent_4" refType="h" refFor="ch" refForName="picture_4"/>
                <dgm:constr type="r" for="ch" forName="textparent_4" refType="l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18"/>
                <dgm:constr type="h" for="ch" forName="picture_5" refType="h" refFor="ch" refForName="picture_1" fact="0.18"/>
                <dgm:constr type="r" for="ch" forName="picture_5" refType="w"/>
                <dgm:constr type="rOff" for="ch" forName="picture_5" refType="w" refFor="ch" refForName="picture_1" fact="-1.2667"/>
                <dgm:constr type="ctrY" for="ch" forName="picture_5" refType="h" refFor="ch" refForName="picture_1" fact="0.739"/>
                <dgm:constr type="r" for="ch" forName="line_5" refType="ctrX" refFor="ch" refForName="picture_1"/>
                <dgm:constr type="h" for="ch" forName="line_5"/>
                <dgm:constr type="l" for="ch" forName="line_5" refType="ctrX" refFor="ch" refForName="picture_5"/>
                <dgm:constr type="ctrY" for="ch" forName="line_5" refType="ctrY" refFor="ch" refForName="picture_5"/>
                <dgm:constr type="l" for="ch" forName="textparent_5"/>
                <dgm:constr type="h" for="ch" forName="textparent_5" refType="h" refFor="ch" refForName="picture_5"/>
                <dgm:constr type="r" for="ch" forName="textparent_5" refType="l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  <dgm:constr type="w" for="ch" forName="picture_6" refType="w" refFor="ch" refForName="picture_1" fact="0.18"/>
                <dgm:constr type="h" for="ch" forName="picture_6" refType="h" refFor="ch" refForName="picture_1" fact="0.18"/>
                <dgm:constr type="r" for="ch" forName="picture_6" refType="w"/>
                <dgm:constr type="rOff" for="ch" forName="picture_6" refType="w" refFor="ch" refForName="picture_1" fact="-1.4238"/>
                <dgm:constr type="ctrY" for="ch" forName="picture_6" refType="h" refFor="ch" refForName="picture_1" fact="0.91"/>
                <dgm:constr type="r" for="ch" forName="line_6" refType="ctrX" refFor="ch" refForName="picture_1"/>
                <dgm:constr type="h" for="ch" forName="line_6"/>
                <dgm:constr type="l" for="ch" forName="line_6" refType="ctrX" refFor="ch" refForName="picture_6"/>
                <dgm:constr type="ctrY" for="ch" forName="line_6" refType="ctrY" refFor="ch" refForName="picture_6"/>
                <dgm:constr type="l" for="ch" forName="textparent_6"/>
                <dgm:constr type="h" for="ch" forName="textparent_6" refType="h" refFor="ch" refForName="picture_6"/>
                <dgm:constr type="r" for="ch" forName="textparent_6" refType="l" refFor="ch" refForName="picture_6"/>
                <dgm:constr type="ctrY" for="ch" forName="textparent_6" refType="ctrY" refFor="ch" refForName="picture_6"/>
                <dgm:constr type="primFontSz" for="des" forName="text_6" refType="primFontSz" refFor="des" refForName="text_2" op="equ"/>
              </dgm:constrLst>
            </dgm:else>
          </dgm:choose>
        </dgm:if>
        <dgm:else name="Name24">
          <dgm:choose name="Name25">
            <dgm:if name="Name26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15"/>
                <dgm:constr type="h" for="ch" forName="picture_2" refType="h" refFor="ch" refForName="picture_1" fact="0.15"/>
                <dgm:constr type="l" for="ch" forName="picture_2" refType="w" refFor="ch" refForName="picture_1" fact="1.4363"/>
                <dgm:constr type="ctrY" for="ch" forName="picture_2" refType="h" refFor="ch" refForName="picture_1" fact="0.075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15"/>
                <dgm:constr type="h" for="ch" forName="picture_3" refType="h" refFor="ch" refForName="picture_1" fact="0.15"/>
                <dgm:constr type="l" for="ch" forName="picture_3" refType="w" refFor="ch" refForName="picture_1" fact="1.2898"/>
                <dgm:constr type="ctrY" for="ch" forName="picture_3" refType="h" refFor="ch" refForName="picture_1" fact="0.227"/>
                <dgm:constr type="l" for="ch" forName="line_3" refType="ctrX" refFor="ch" refForName="picture_1"/>
                <dgm:constr type="h" for="ch" forName="line_3"/>
                <dgm:constr type="r" for="ch" forName="line_3" refType="ctrX" refFor="ch" refForName="picture_3"/>
                <dgm:constr type="ctrY" for="ch" forName="line_3" refType="ctrY" refFor="ch" refForName="picture_3"/>
                <dgm:constr type="r" for="ch" forName="textparent_3" refType="w"/>
                <dgm:constr type="h" for="ch" forName="textparent_3" refType="h" refFor="ch" refForName="picture_3"/>
                <dgm:constr type="l" for="ch" forName="textparent_3" refType="r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15"/>
                <dgm:constr type="h" for="ch" forName="picture_4" refType="h" refFor="ch" refForName="picture_1" fact="0.15"/>
                <dgm:constr type="l" for="ch" forName="picture_4" refType="w" refFor="ch" refForName="picture_1" fact="1.21"/>
                <dgm:constr type="ctrY" for="ch" forName="picture_4" refType="h" refFor="ch" refForName="picture_1" fact="0.405"/>
                <dgm:constr type="l" for="ch" forName="line_4" refType="ctrX" refFor="ch" refForName="picture_1"/>
                <dgm:constr type="h" for="ch" forName="line_4"/>
                <dgm:constr type="r" for="ch" forName="line_4" refType="ctrX" refFor="ch" refForName="picture_4"/>
                <dgm:constr type="ctrY" for="ch" forName="line_4" refType="ctrY" refFor="ch" refForName="picture_4"/>
                <dgm:constr type="r" for="ch" forName="textparent_4" refType="w"/>
                <dgm:constr type="h" for="ch" forName="textparent_4" refType="h" refFor="ch" refForName="picture_4"/>
                <dgm:constr type="l" for="ch" forName="textparent_4" refType="r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15"/>
                <dgm:constr type="h" for="ch" forName="picture_5" refType="h" refFor="ch" refForName="picture_1" fact="0.15"/>
                <dgm:constr type="l" for="ch" forName="picture_5" refType="w" refFor="ch" refForName="picture_1" fact="1.21"/>
                <dgm:constr type="ctrY" for="ch" forName="picture_5" refType="h" refFor="ch" refForName="picture_1" fact="0.595"/>
                <dgm:constr type="l" for="ch" forName="line_5" refType="ctrX" refFor="ch" refForName="picture_1"/>
                <dgm:constr type="h" for="ch" forName="line_5"/>
                <dgm:constr type="r" for="ch" forName="line_5" refType="ctrX" refFor="ch" refForName="picture_5"/>
                <dgm:constr type="ctrY" for="ch" forName="line_5" refType="ctrY" refFor="ch" refForName="picture_5"/>
                <dgm:constr type="r" for="ch" forName="textparent_5" refType="w"/>
                <dgm:constr type="h" for="ch" forName="textparent_5" refType="h" refFor="ch" refForName="picture_5"/>
                <dgm:constr type="l" for="ch" forName="textparent_5" refType="r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  <dgm:constr type="w" for="ch" forName="picture_6" refType="w" refFor="ch" refForName="picture_1" fact="0.15"/>
                <dgm:constr type="h" for="ch" forName="picture_6" refType="h" refFor="ch" refForName="picture_1" fact="0.15"/>
                <dgm:constr type="l" for="ch" forName="picture_6" refType="w" refFor="ch" refForName="picture_1" fact="1.2898"/>
                <dgm:constr type="ctrY" for="ch" forName="picture_6" refType="h" refFor="ch" refForName="picture_1" fact="0.773"/>
                <dgm:constr type="l" for="ch" forName="line_6" refType="ctrX" refFor="ch" refForName="picture_1"/>
                <dgm:constr type="h" for="ch" forName="line_6"/>
                <dgm:constr type="r" for="ch" forName="line_6" refType="ctrX" refFor="ch" refForName="picture_6"/>
                <dgm:constr type="ctrY" for="ch" forName="line_6" refType="ctrY" refFor="ch" refForName="picture_6"/>
                <dgm:constr type="r" for="ch" forName="textparent_6" refType="w"/>
                <dgm:constr type="h" for="ch" forName="textparent_6" refType="h" refFor="ch" refForName="picture_6"/>
                <dgm:constr type="l" for="ch" forName="textparent_6" refType="r" refFor="ch" refForName="picture_6"/>
                <dgm:constr type="ctrY" for="ch" forName="textparent_6" refType="ctrY" refFor="ch" refForName="picture_6"/>
                <dgm:constr type="primFontSz" for="des" forName="text_6" refType="primFontSz" refFor="des" refForName="text_2" op="equ"/>
                <dgm:constr type="w" for="ch" forName="picture_7" refType="w" refFor="ch" refForName="picture_1" fact="0.15"/>
                <dgm:constr type="h" for="ch" forName="picture_7" refType="h" refFor="ch" refForName="picture_1" fact="0.15"/>
                <dgm:constr type="l" for="ch" forName="picture_7" refType="w" refFor="ch" refForName="picture_1" fact="1.4363"/>
                <dgm:constr type="ctrY" for="ch" forName="picture_7" refType="h" refFor="ch" refForName="picture_1" fact="0.925"/>
                <dgm:constr type="l" for="ch" forName="line_7" refType="ctrX" refFor="ch" refForName="picture_1"/>
                <dgm:constr type="h" for="ch" forName="line_7"/>
                <dgm:constr type="r" for="ch" forName="line_7" refType="ctrX" refFor="ch" refForName="picture_7"/>
                <dgm:constr type="ctrY" for="ch" forName="line_7" refType="ctrY" refFor="ch" refForName="picture_7"/>
                <dgm:constr type="r" for="ch" forName="textparent_7" refType="w"/>
                <dgm:constr type="h" for="ch" forName="textparent_7" refType="h" refFor="ch" refForName="picture_7"/>
                <dgm:constr type="l" for="ch" forName="textparent_7" refType="r" refFor="ch" refForName="picture_7"/>
                <dgm:constr type="ctrY" for="ch" forName="textparent_7" refType="ctrY" refFor="ch" refForName="picture_7"/>
                <dgm:constr type="primFontSz" for="des" forName="text_7" refType="primFontSz" refFor="des" refForName="text_2" op="equ"/>
              </dgm:constrLst>
            </dgm:if>
            <dgm:else name="Name27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15"/>
                <dgm:constr type="h" for="ch" forName="picture_2" refType="h" refFor="ch" refForName="picture_1" fact="0.15"/>
                <dgm:constr type="r" for="ch" forName="picture_2" refType="w"/>
                <dgm:constr type="rOff" for="ch" forName="picture_2" refType="w" refFor="ch" refForName="picture_1" fact="-1.4363"/>
                <dgm:constr type="ctrY" for="ch" forName="picture_2" refType="h" refFor="ch" refForName="picture_1" fact="0.075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15"/>
                <dgm:constr type="h" for="ch" forName="picture_3" refType="h" refFor="ch" refForName="picture_1" fact="0.15"/>
                <dgm:constr type="r" for="ch" forName="picture_3" refType="w"/>
                <dgm:constr type="rOff" for="ch" forName="picture_3" refType="w" refFor="ch" refForName="picture_1" fact="-1.2898"/>
                <dgm:constr type="ctrY" for="ch" forName="picture_3" refType="h" refFor="ch" refForName="picture_1" fact="0.227"/>
                <dgm:constr type="r" for="ch" forName="line_3" refType="ctrX" refFor="ch" refForName="picture_1"/>
                <dgm:constr type="h" for="ch" forName="line_3"/>
                <dgm:constr type="l" for="ch" forName="line_3" refType="ctrX" refFor="ch" refForName="picture_3"/>
                <dgm:constr type="ctrY" for="ch" forName="line_3" refType="ctrY" refFor="ch" refForName="picture_3"/>
                <dgm:constr type="l" for="ch" forName="textparent_3"/>
                <dgm:constr type="h" for="ch" forName="textparent_3" refType="h" refFor="ch" refForName="picture_3"/>
                <dgm:constr type="r" for="ch" forName="textparent_3" refType="l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15"/>
                <dgm:constr type="h" for="ch" forName="picture_4" refType="h" refFor="ch" refForName="picture_1" fact="0.15"/>
                <dgm:constr type="r" for="ch" forName="picture_4" refType="w"/>
                <dgm:constr type="rOff" for="ch" forName="picture_4" refType="w" refFor="ch" refForName="picture_1" fact="-1.21"/>
                <dgm:constr type="ctrY" for="ch" forName="picture_4" refType="h" refFor="ch" refForName="picture_1" fact="0.405"/>
                <dgm:constr type="r" for="ch" forName="line_4" refType="ctrX" refFor="ch" refForName="picture_1"/>
                <dgm:constr type="h" for="ch" forName="line_4"/>
                <dgm:constr type="l" for="ch" forName="line_4" refType="ctrX" refFor="ch" refForName="picture_4"/>
                <dgm:constr type="ctrY" for="ch" forName="line_4" refType="ctrY" refFor="ch" refForName="picture_4"/>
                <dgm:constr type="l" for="ch" forName="textparent_4"/>
                <dgm:constr type="h" for="ch" forName="textparent_4" refType="h" refFor="ch" refForName="picture_4"/>
                <dgm:constr type="r" for="ch" forName="textparent_4" refType="l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15"/>
                <dgm:constr type="h" for="ch" forName="picture_5" refType="h" refFor="ch" refForName="picture_1" fact="0.15"/>
                <dgm:constr type="r" for="ch" forName="picture_5" refType="w"/>
                <dgm:constr type="rOff" for="ch" forName="picture_5" refType="w" refFor="ch" refForName="picture_1" fact="-1.21"/>
                <dgm:constr type="ctrY" for="ch" forName="picture_5" refType="h" refFor="ch" refForName="picture_1" fact="0.595"/>
                <dgm:constr type="r" for="ch" forName="line_5" refType="ctrX" refFor="ch" refForName="picture_1"/>
                <dgm:constr type="h" for="ch" forName="line_5"/>
                <dgm:constr type="l" for="ch" forName="line_5" refType="ctrX" refFor="ch" refForName="picture_5"/>
                <dgm:constr type="ctrY" for="ch" forName="line_5" refType="ctrY" refFor="ch" refForName="picture_5"/>
                <dgm:constr type="l" for="ch" forName="textparent_5"/>
                <dgm:constr type="h" for="ch" forName="textparent_5" refType="h" refFor="ch" refForName="picture_5"/>
                <dgm:constr type="r" for="ch" forName="textparent_5" refType="l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  <dgm:constr type="w" for="ch" forName="picture_6" refType="w" refFor="ch" refForName="picture_1" fact="0.15"/>
                <dgm:constr type="h" for="ch" forName="picture_6" refType="h" refFor="ch" refForName="picture_1" fact="0.15"/>
                <dgm:constr type="r" for="ch" forName="picture_6" refType="w"/>
                <dgm:constr type="rOff" for="ch" forName="picture_6" refType="w" refFor="ch" refForName="picture_1" fact="-1.2898"/>
                <dgm:constr type="ctrY" for="ch" forName="picture_6" refType="h" refFor="ch" refForName="picture_1" fact="0.773"/>
                <dgm:constr type="r" for="ch" forName="line_6" refType="ctrX" refFor="ch" refForName="picture_1"/>
                <dgm:constr type="h" for="ch" forName="line_6"/>
                <dgm:constr type="l" for="ch" forName="line_6" refType="ctrX" refFor="ch" refForName="picture_6"/>
                <dgm:constr type="ctrY" for="ch" forName="line_6" refType="ctrY" refFor="ch" refForName="picture_6"/>
                <dgm:constr type="l" for="ch" forName="textparent_6"/>
                <dgm:constr type="h" for="ch" forName="textparent_6" refType="h" refFor="ch" refForName="picture_6"/>
                <dgm:constr type="r" for="ch" forName="textparent_6" refType="l" refFor="ch" refForName="picture_6"/>
                <dgm:constr type="ctrY" for="ch" forName="textparent_6" refType="ctrY" refFor="ch" refForName="picture_6"/>
                <dgm:constr type="primFontSz" for="des" forName="text_6" refType="primFontSz" refFor="des" refForName="text_2" op="equ"/>
                <dgm:constr type="w" for="ch" forName="picture_7" refType="w" refFor="ch" refForName="picture_1" fact="0.15"/>
                <dgm:constr type="h" for="ch" forName="picture_7" refType="h" refFor="ch" refForName="picture_1" fact="0.15"/>
                <dgm:constr type="r" for="ch" forName="picture_7" refType="w"/>
                <dgm:constr type="rOff" for="ch" forName="picture_7" refType="w" refFor="ch" refForName="picture_1" fact="-1.4363"/>
                <dgm:constr type="ctrY" for="ch" forName="picture_7" refType="h" refFor="ch" refForName="picture_1" fact="0.925"/>
                <dgm:constr type="r" for="ch" forName="line_7" refType="ctrX" refFor="ch" refForName="picture_1"/>
                <dgm:constr type="h" for="ch" forName="line_7"/>
                <dgm:constr type="l" for="ch" forName="line_7" refType="ctrX" refFor="ch" refForName="picture_7"/>
                <dgm:constr type="ctrY" for="ch" forName="line_7" refType="ctrY" refFor="ch" refForName="picture_7"/>
                <dgm:constr type="l" for="ch" forName="textparent_7"/>
                <dgm:constr type="h" for="ch" forName="textparent_7" refType="h" refFor="ch" refForName="picture_7"/>
                <dgm:constr type="r" for="ch" forName="textparent_7" refType="l" refFor="ch" refForName="picture_7"/>
                <dgm:constr type="ctrY" for="ch" forName="textparent_7" refType="ctrY" refFor="ch" refForName="picture_7"/>
                <dgm:constr type="primFontSz" for="des" forName="text_7" refType="primFontSz" refFor="des" refForName="text_2" op="equ"/>
              </dgm:constrLst>
            </dgm:else>
          </dgm:choose>
        </dgm:else>
      </dgm:choose>
      <dgm:forEach name="wrapper" axis="self" ptType="parTrans">
        <dgm:forEach name="wrapper2" axis="self" ptType="sibTrans" st="2">
          <dgm:forEach name="pictureRepeat" axis="self">
            <dgm:layoutNode name="pictureRepeatNode" styleLbl="alignImgPlace1">
              <dgm:alg type="sp"/>
              <dgm:shape xmlns:r="http://schemas.openxmlformats.org/officeDocument/2006/relationships" type="ellipse" r:blip="" blipPhldr="1">
                <dgm:adjLst/>
              </dgm:shape>
              <dgm:presOf axis="self"/>
            </dgm:layoutNode>
          </dgm:forEach>
        </dgm:forEach>
      </dgm:forEach>
      <dgm:forEach name="Name28" axis="ch" ptType="sibTrans" hideLastTrans="0" cnt="1">
        <dgm:layoutNode name="picture_1">
          <dgm:alg type="sp"/>
          <dgm:shape xmlns:r="http://schemas.openxmlformats.org/officeDocument/2006/relationships" r:blip="">
            <dgm:adjLst/>
          </dgm:shape>
          <dgm:presOf/>
          <dgm:constrLst/>
          <dgm:forEach name="Name29" ref="pictureRepeat"/>
        </dgm:layoutNode>
      </dgm:forEach>
      <dgm:forEach name="Name30" axis="ch" ptType="node" cnt="1">
        <dgm:layoutNode name="text_1" styleLbl="node1">
          <dgm:varLst>
            <dgm:bulletEnabled val="1"/>
          </dgm:varLst>
          <dgm:alg type="tx">
            <dgm:param type="txAnchorVert" val="b"/>
            <dgm:param type="txAnchorVertCh" val="b"/>
            <dgm:param type="parTxRTLAlign" val="r"/>
            <dgm:param type="shpTxRTLAlignCh" val="r"/>
          </dgm:alg>
          <dgm:shape xmlns:r="http://schemas.openxmlformats.org/officeDocument/2006/relationships" type="rect" r:blip="" hideGeom="1">
            <dgm:adjLst/>
          </dgm:shape>
          <dgm:presOf axis="desOrSelf" ptType="node"/>
          <dgm:constrLst>
            <dgm:constr type="primFontSz" val="65"/>
            <dgm:constr type="lMarg"/>
            <dgm:constr type="rMarg"/>
            <dgm:constr type="tMarg"/>
            <dgm:constr type="bMarg"/>
          </dgm:constrLst>
          <dgm:ruleLst>
            <dgm:rule type="primFontSz" val="5" fact="NaN" max="NaN"/>
          </dgm:ruleLst>
        </dgm:layoutNode>
      </dgm:forEach>
      <dgm:forEach name="Name31" axis="ch" ptType="sibTrans" hideLastTrans="0" st="2" cnt="1">
        <dgm:layoutNode name="picture_2">
          <dgm:alg type="sp"/>
          <dgm:shape xmlns:r="http://schemas.openxmlformats.org/officeDocument/2006/relationships" r:blip="">
            <dgm:adjLst/>
          </dgm:shape>
          <dgm:presOf/>
          <dgm:constrLst/>
          <dgm:forEach name="Name32" ref="pictureRepeat"/>
        </dgm:layoutNode>
      </dgm:forEach>
      <dgm:forEach name="Name33" axis="ch" ptType="node" st="2" cnt="1">
        <dgm:layoutNode name="line_2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2">
          <dgm:choose name="Name34">
            <dgm:if name="Name35" func="var" arg="dir" op="equ" val="norm">
              <dgm:alg type="lin">
                <dgm:param type="horzAlign" val="l"/>
              </dgm:alg>
            </dgm:if>
            <dgm:else name="Name36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2" refType="w"/>
            <dgm:constr type="h" for="ch" forName="text_2" refType="h"/>
          </dgm:constrLst>
          <dgm:presOf/>
          <dgm:layoutNode name="text_2" styleLbl="revTx">
            <dgm:varLst>
              <dgm:bulletEnabled val="1"/>
            </dgm:varLst>
            <dgm:choose name="Name37">
              <dgm:if name="Name38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39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  <dgm:forEach name="Name40" axis="ch" ptType="sibTrans" hideLastTrans="0" st="3" cnt="1">
        <dgm:layoutNode name="picture_3">
          <dgm:alg type="sp"/>
          <dgm:shape xmlns:r="http://schemas.openxmlformats.org/officeDocument/2006/relationships" r:blip="">
            <dgm:adjLst/>
          </dgm:shape>
          <dgm:presOf/>
          <dgm:constrLst/>
          <dgm:forEach name="Name41" ref="pictureRepeat"/>
        </dgm:layoutNode>
      </dgm:forEach>
      <dgm:forEach name="Name42" axis="ch" ptType="node" st="3" cnt="1">
        <dgm:layoutNode name="line_3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3">
          <dgm:choose name="Name43">
            <dgm:if name="Name44" func="var" arg="dir" op="equ" val="norm">
              <dgm:alg type="lin">
                <dgm:param type="horzAlign" val="l"/>
              </dgm:alg>
            </dgm:if>
            <dgm:else name="Name45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3" refType="w"/>
            <dgm:constr type="h" for="ch" forName="text_3" refType="h"/>
          </dgm:constrLst>
          <dgm:presOf/>
          <dgm:layoutNode name="text_3" styleLbl="revTx">
            <dgm:varLst>
              <dgm:bulletEnabled val="1"/>
            </dgm:varLst>
            <dgm:choose name="Name46">
              <dgm:if name="Name47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48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  <dgm:forEach name="Name49" axis="ch" ptType="sibTrans" hideLastTrans="0" st="4" cnt="1">
        <dgm:layoutNode name="picture_4">
          <dgm:alg type="sp"/>
          <dgm:shape xmlns:r="http://schemas.openxmlformats.org/officeDocument/2006/relationships" r:blip="">
            <dgm:adjLst/>
          </dgm:shape>
          <dgm:presOf/>
          <dgm:constrLst/>
          <dgm:forEach name="Name50" ref="pictureRepeat"/>
        </dgm:layoutNode>
      </dgm:forEach>
      <dgm:forEach name="Name51" axis="ch" ptType="node" st="4" cnt="1">
        <dgm:layoutNode name="line_4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4">
          <dgm:choose name="Name52">
            <dgm:if name="Name53" func="var" arg="dir" op="equ" val="norm">
              <dgm:alg type="lin">
                <dgm:param type="horzAlign" val="l"/>
              </dgm:alg>
            </dgm:if>
            <dgm:else name="Name54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4" refType="w"/>
            <dgm:constr type="h" for="ch" forName="text_4" refType="h"/>
          </dgm:constrLst>
          <dgm:presOf/>
          <dgm:layoutNode name="text_4" styleLbl="revTx">
            <dgm:varLst>
              <dgm:bulletEnabled val="1"/>
            </dgm:varLst>
            <dgm:choose name="Name55">
              <dgm:if name="Name56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57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  <dgm:forEach name="Name58" axis="ch" ptType="sibTrans" hideLastTrans="0" st="5" cnt="1">
        <dgm:layoutNode name="picture_5">
          <dgm:alg type="sp"/>
          <dgm:shape xmlns:r="http://schemas.openxmlformats.org/officeDocument/2006/relationships" r:blip="">
            <dgm:adjLst/>
          </dgm:shape>
          <dgm:presOf/>
          <dgm:constrLst/>
          <dgm:forEach name="Name59" ref="pictureRepeat"/>
        </dgm:layoutNode>
      </dgm:forEach>
      <dgm:forEach name="Name60" axis="ch" ptType="node" st="5" cnt="1">
        <dgm:layoutNode name="line_5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5">
          <dgm:choose name="Name61">
            <dgm:if name="Name62" func="var" arg="dir" op="equ" val="norm">
              <dgm:alg type="lin">
                <dgm:param type="horzAlign" val="l"/>
              </dgm:alg>
            </dgm:if>
            <dgm:else name="Name63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5" refType="w"/>
            <dgm:constr type="h" for="ch" forName="text_5" refType="h"/>
          </dgm:constrLst>
          <dgm:presOf/>
          <dgm:layoutNode name="text_5" styleLbl="revTx">
            <dgm:varLst>
              <dgm:bulletEnabled val="1"/>
            </dgm:varLst>
            <dgm:choose name="Name64">
              <dgm:if name="Name65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66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  <dgm:forEach name="Name67" axis="ch" ptType="sibTrans" hideLastTrans="0" st="6" cnt="1">
        <dgm:layoutNode name="picture_6">
          <dgm:alg type="sp"/>
          <dgm:shape xmlns:r="http://schemas.openxmlformats.org/officeDocument/2006/relationships" r:blip="">
            <dgm:adjLst/>
          </dgm:shape>
          <dgm:presOf/>
          <dgm:constrLst/>
          <dgm:forEach name="Name68" ref="pictureRepeat"/>
        </dgm:layoutNode>
      </dgm:forEach>
      <dgm:forEach name="Name69" axis="ch" ptType="node" st="6" cnt="1">
        <dgm:layoutNode name="line_6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6">
          <dgm:choose name="Name70">
            <dgm:if name="Name71" func="var" arg="dir" op="equ" val="norm">
              <dgm:alg type="lin">
                <dgm:param type="horzAlign" val="l"/>
              </dgm:alg>
            </dgm:if>
            <dgm:else name="Name72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6" refType="w"/>
            <dgm:constr type="h" for="ch" forName="text_6" refType="h"/>
          </dgm:constrLst>
          <dgm:presOf/>
          <dgm:layoutNode name="text_6" styleLbl="revTx">
            <dgm:varLst>
              <dgm:bulletEnabled val="1"/>
            </dgm:varLst>
            <dgm:choose name="Name73">
              <dgm:if name="Name74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75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  <dgm:forEach name="Name76" axis="ch" ptType="sibTrans" hideLastTrans="0" st="7" cnt="1">
        <dgm:layoutNode name="picture_7">
          <dgm:alg type="sp"/>
          <dgm:shape xmlns:r="http://schemas.openxmlformats.org/officeDocument/2006/relationships" r:blip="">
            <dgm:adjLst/>
          </dgm:shape>
          <dgm:presOf/>
          <dgm:constrLst/>
          <dgm:forEach name="Name77" ref="pictureRepeat"/>
        </dgm:layoutNode>
      </dgm:forEach>
      <dgm:forEach name="Name78" axis="ch" ptType="node" st="7" cnt="1">
        <dgm:layoutNode name="line_7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7">
          <dgm:choose name="Name79">
            <dgm:if name="Name80" func="var" arg="dir" op="equ" val="norm">
              <dgm:alg type="lin">
                <dgm:param type="horzAlign" val="l"/>
              </dgm:alg>
            </dgm:if>
            <dgm:else name="Name81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7" refType="w"/>
            <dgm:constr type="h" for="ch" forName="text_7" refType="h"/>
          </dgm:constrLst>
          <dgm:presOf/>
          <dgm:layoutNode name="text_7" styleLbl="revTx">
            <dgm:varLst>
              <dgm:bulletEnabled val="1"/>
            </dgm:varLst>
            <dgm:choose name="Name82">
              <dgm:if name="Name83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84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</dgm:layoutNode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vList3">
  <dgm:title val=""/>
  <dgm:desc val=""/>
  <dgm:catLst>
    <dgm:cat type="list" pri="14000"/>
    <dgm:cat type="convert" pri="3000"/>
    <dgm:cat type="picture" pri="27000"/>
    <dgm:cat type="pictureconvert" pri="27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Flow">
    <dgm:varLst>
      <dgm:dir/>
      <dgm:resizeHandles val="exact"/>
    </dgm:varLst>
    <dgm:alg type="lin">
      <dgm:param type="linDir" val="fromT"/>
      <dgm:param type="vertAlign" val="mid"/>
      <dgm:param type="horzAlign" val="ctr"/>
    </dgm:alg>
    <dgm:shape xmlns:r="http://schemas.openxmlformats.org/officeDocument/2006/relationships" r:blip="">
      <dgm:adjLst/>
    </dgm:shape>
    <dgm:presOf/>
    <dgm:constrLst>
      <dgm:constr type="w" for="ch" forName="composite" refType="w"/>
      <dgm:constr type="h" for="ch" forName="composite" refType="h"/>
      <dgm:constr type="h" for="ch" forName="spacing" refType="h" refFor="ch" refForName="composite" fact="0.25"/>
      <dgm:constr type="h" for="ch" forName="spacing" refType="w" op="lte" fact="0.1"/>
      <dgm:constr type="primFontSz" for="des" ptType="node" op="equ" val="65"/>
    </dgm:constrLst>
    <dgm:ruleLst/>
    <dgm:forEach name="Name0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1">
          <dgm:if name="Name2" func="var" arg="dir" op="equ" val="norm">
            <dgm:constrLst>
              <dgm:constr type="w" for="ch" forName="imgShp" refType="w" fact="0.335"/>
              <dgm:constr type="h" for="ch" forName="imgShp" refType="w" refFor="ch" refForName="imgShp" op="equ"/>
              <dgm:constr type="h" for="ch" forName="imgShp" refType="h" op="lte"/>
              <dgm:constr type="ctrY" for="ch" forName="imgShp" refType="h" fact="0.5"/>
              <dgm:constr type="l" for="ch" forName="imgShp"/>
              <dgm:constr type="w" for="ch" forName="txShp" refType="w" op="equ" fact="0.665"/>
              <dgm:constr type="h" for="ch" forName="txShp" refType="h" refFor="ch" refForName="imgShp" op="equ"/>
              <dgm:constr type="ctrY" for="ch" forName="txShp" refType="h" fact="0.5"/>
              <dgm:constr type="l" for="ch" forName="txShp" refType="w" refFor="ch" refForName="imgShp" fact="0.5"/>
              <dgm:constr type="lMarg" for="ch" forName="txShp" refType="w" refFor="ch" refForName="imgShp" fact="1.25"/>
            </dgm:constrLst>
          </dgm:if>
          <dgm:else name="Name3">
            <dgm:constrLst>
              <dgm:constr type="w" for="ch" forName="imgShp" refType="w" fact="0.335"/>
              <dgm:constr type="h" for="ch" forName="imgShp" refType="w" refFor="ch" refForName="imgShp" op="equ"/>
              <dgm:constr type="h" for="ch" forName="imgShp" refType="h" op="lte"/>
              <dgm:constr type="ctrY" for="ch" forName="imgShp" refType="h" fact="0.5"/>
              <dgm:constr type="r" for="ch" forName="imgShp" refType="w"/>
              <dgm:constr type="w" for="ch" forName="txShp" refType="w" op="equ" fact="0.665"/>
              <dgm:constr type="h" for="ch" forName="txShp" refType="h" refFor="ch" refForName="imgShp" op="equ"/>
              <dgm:constr type="ctrY" for="ch" forName="txShp" refType="h" fact="0.5"/>
              <dgm:constr type="r" for="ch" forName="txShp" refType="ctrX" refFor="ch" refForName="imgShp"/>
              <dgm:constr type="rMarg" for="ch" forName="txShp" refType="w" refFor="ch" refForName="imgShp" fact="1.25"/>
            </dgm:constrLst>
          </dgm:else>
        </dgm:choose>
        <dgm:ruleLst/>
        <dgm:layoutNode name="imgShp" styleLbl="fgImgPlace1">
          <dgm:alg type="sp"/>
          <dgm:shape xmlns:r="http://schemas.openxmlformats.org/officeDocument/2006/relationships" type="ellipse" r:blip="" blipPhldr="1">
            <dgm:adjLst/>
          </dgm:shape>
          <dgm:presOf/>
          <dgm:constrLst/>
          <dgm:ruleLst/>
        </dgm:layoutNode>
        <dgm:layoutNode name="txShp">
          <dgm:varLst>
            <dgm:bulletEnabled val="1"/>
          </dgm:varLst>
          <dgm:alg type="tx"/>
          <dgm:choose name="Name4">
            <dgm:if name="Name5" func="var" arg="dir" op="equ" val="norm">
              <dgm:shape xmlns:r="http://schemas.openxmlformats.org/officeDocument/2006/relationships" rot="180" type="homePlate" r:blip="" zOrderOff="-1">
                <dgm:adjLst/>
              </dgm:shape>
            </dgm:if>
            <dgm:else name="Name6">
              <dgm:shape xmlns:r="http://schemas.openxmlformats.org/officeDocument/2006/relationships" type="homePlate" r:blip="" zOrderOff="-1">
                <dgm:adjLst/>
              </dgm:shape>
            </dgm:else>
          </dgm:choose>
          <dgm:presOf axis="desOrSelf" ptType="node"/>
          <dgm:constrLst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layoutNode>
      <dgm:forEach name="Name7" axis="followSib" ptType="sibTrans" cnt="1">
        <dgm:layoutNode name="spacing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</dgm:layoutDef>
</file>

<file path=ppt/diagrams/layout5.xml><?xml version="1.0" encoding="utf-8"?>
<dgm:layoutDef xmlns:dgm="http://schemas.openxmlformats.org/drawingml/2006/diagram" xmlns:a="http://schemas.openxmlformats.org/drawingml/2006/main" uniqueId="urn:microsoft.com/office/officeart/2005/8/layout/architecture">
  <dgm:title val="Architecture Layout"/>
  <dgm:desc val="Use to show hierarchical relationships that build from the bottom up. This layout works well for showing architectural components or objects that build on other objects."/>
  <dgm:catLst>
    <dgm:cat type="hierarchy" pri="4500"/>
    <dgm:cat type="list" pri="24500"/>
    <dgm:cat type="relationship" pri="10500"/>
    <dgm:cat type="officeonline" pri="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Name0">
    <dgm:varLst>
      <dgm:chPref val="1"/>
      <dgm:dir/>
      <dgm:animOne val="branch"/>
      <dgm:animLvl val="lvl"/>
      <dgm:resizeHandles/>
    </dgm:varLst>
    <dgm:choose name="Name1">
      <dgm:if name="Name2" func="var" arg="dir" op="equ" val="norm">
        <dgm:alg type="lin">
          <dgm:param type="linDir" val="fromL"/>
          <dgm:param type="nodeVertAlign" val="b"/>
        </dgm:alg>
      </dgm:if>
      <dgm:else name="Name3">
        <dgm:alg type="lin">
          <dgm:param type="linDir" val="fromR"/>
          <dgm:param type="nodeVertAlign" val="b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vertOne" refType="w"/>
      <dgm:constr type="w" for="des" forName="horzOne" refType="w"/>
      <dgm:constr type="w" for="des" forName="txOne" refType="w"/>
      <dgm:constr type="w" for="des" forName="vertTwo" refType="w"/>
      <dgm:constr type="w" for="des" forName="horzTwo" refType="w"/>
      <dgm:constr type="w" for="des" forName="txTwo" refType="w"/>
      <dgm:constr type="w" for="des" forName="vertThree" refType="w"/>
      <dgm:constr type="w" for="des" forName="horzThree" refType="w"/>
      <dgm:constr type="w" for="des" forName="txThree" refType="w"/>
      <dgm:constr type="w" for="des" forName="vertFour" refType="w"/>
      <dgm:constr type="w" for="des" forName="horzFour" refType="w"/>
      <dgm:constr type="w" for="des" forName="txFour" refType="w"/>
      <dgm:constr type="h" for="des" ptType="node" op="equ"/>
      <dgm:constr type="h" for="des" forName="txOne" refType="h"/>
      <dgm:constr type="userH" for="des" ptType="node" refType="h" refFor="des" refForName="txOne"/>
      <dgm:constr type="primFontSz" for="des" forName="txOne" val="65"/>
      <dgm:constr type="primFontSz" for="des" forName="txTwo" val="65"/>
      <dgm:constr type="primFontSz" for="des" forName="txTwo" refType="primFontSz" refFor="des" refForName="txOne" op="lte"/>
      <dgm:constr type="primFontSz" for="des" forName="txThree" val="65"/>
      <dgm:constr type="primFontSz" for="des" forName="txThree" refType="primFontSz" refFor="des" refForName="txOne" op="lte"/>
      <dgm:constr type="primFontSz" for="des" forName="txThree" refType="primFontSz" refFor="des" refForName="txTwo" op="lte"/>
      <dgm:constr type="primFontSz" for="des" forName="txFour" val="65"/>
      <dgm:constr type="primFontSz" for="des" forName="txFour" refType="primFontSz" refFor="des" refForName="txOne" op="lte"/>
      <dgm:constr type="primFontSz" for="des" forName="txFour" refType="primFontSz" refFor="des" refForName="txTwo" op="lte"/>
      <dgm:constr type="primFontSz" for="des" forName="txFour" refType="primFontSz" refFor="des" refForName="txThree" op="lte"/>
      <dgm:constr type="w" for="des" forName="sibSpaceOne" refType="w" fact="0.168"/>
      <dgm:constr type="w" for="des" forName="sibSpaceTwo" refType="w" refFor="des" refForName="sibSpaceOne" op="equ" fact="0.5"/>
      <dgm:constr type="w" for="des" forName="sibSpaceThree" refType="w" refFor="des" refForName="sibSpaceTwo" op="equ" fact="0.5"/>
      <dgm:constr type="w" for="des" forName="sibSpaceFour" refType="w" refFor="des" refForName="sibSpaceThree" op="equ" fact="0.5"/>
      <dgm:constr type="h" for="des" forName="parTransOne" refType="w" fact="0.056"/>
      <dgm:constr type="h" for="des" forName="parTransTwo" refType="h" refFor="des" refForName="parTransOne" op="equ"/>
      <dgm:constr type="h" for="des" forName="parTransThree" refType="h" refFor="des" refForName="parTransTwo" op="equ"/>
      <dgm:constr type="h" for="des" forName="parTransFour" refType="h" refFor="des" refForName="parTransThree" op="equ"/>
    </dgm:constrLst>
    <dgm:ruleLst/>
    <dgm:forEach name="Name4" axis="ch" ptType="node">
      <dgm:layoutNode name="vertOne">
        <dgm:alg type="lin">
          <dgm:param type="linDir" val="fromB"/>
        </dgm:alg>
        <dgm:shape xmlns:r="http://schemas.openxmlformats.org/officeDocument/2006/relationships" r:blip="">
          <dgm:adjLst/>
        </dgm:shape>
        <dgm:presOf/>
        <dgm:constrLst>
          <dgm:constr type="w" for="ch" forName="txOne" refType="w" refFor="ch" refForName="horzOne" op="gte"/>
        </dgm:constrLst>
        <dgm:ruleLst/>
        <dgm:layoutNode name="txOne" styleLbl="node0">
          <dgm:varLst>
            <dgm:chPref val="3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5">
          <dgm:if name="Name6" axis="des" ptType="node" func="cnt" op="gt" val="0">
            <dgm:layoutNode name="parTrans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if>
          <dgm:else name="Name7"/>
        </dgm:choose>
        <dgm:layoutNode name="horzOne">
          <dgm:choose name="Name8">
            <dgm:if name="Name9" func="var" arg="dir" op="equ" val="norm">
              <dgm:alg type="lin">
                <dgm:param type="linDir" val="fromL"/>
                <dgm:param type="nodeVertAlign" val="b"/>
              </dgm:alg>
            </dgm:if>
            <dgm:else name="Name10">
              <dgm:alg type="lin">
                <dgm:param type="linDir" val="fromR"/>
                <dgm:param type="nodeVertAlign" val="b"/>
              </dgm:alg>
            </dgm:else>
          </dgm:choose>
          <dgm:shape xmlns:r="http://schemas.openxmlformats.org/officeDocument/2006/relationships" r:blip="">
            <dgm:adjLst/>
          </dgm:shape>
          <dgm:presOf/>
          <dgm:constrLst/>
          <dgm:ruleLst>
            <dgm:rule type="w" val="INF" fact="NaN" max="NaN"/>
          </dgm:ruleLst>
          <dgm:forEach name="Name11" axis="ch" ptType="node">
            <dgm:layoutNode name="vertTwo">
              <dgm:alg type="lin">
                <dgm:param type="linDir" val="fromB"/>
              </dgm:alg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xTwo" refType="w" refFor="ch" refForName="horzTwo" op="gte"/>
              </dgm:constrLst>
              <dgm:ruleLst/>
              <dgm:layoutNode name="txTwo">
                <dgm:varLst>
                  <dgm:chPref val="3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self"/>
                <dgm:constrLst>
                  <dgm:constr type="userH"/>
                  <dgm:constr type="h" refType="userH"/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choose name="Name12">
                <dgm:if name="Name13" axis="des" ptType="node" func="cnt" op="gt" val="0">
                  <dgm:layoutNode name="parTrans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if>
                <dgm:else name="Name14"/>
              </dgm:choose>
              <dgm:layoutNode name="horzTwo">
                <dgm:choose name="Name15">
                  <dgm:if name="Name16" func="var" arg="dir" op="equ" val="norm">
                    <dgm:alg type="lin">
                      <dgm:param type="linDir" val="fromL"/>
                      <dgm:param type="nodeVertAlign" val="b"/>
                    </dgm:alg>
                  </dgm:if>
                  <dgm:else name="Name17">
                    <dgm:alg type="lin">
                      <dgm:param type="linDir" val="fromR"/>
                      <dgm:param type="nodeVertAlign" val="b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constrLst/>
                <dgm:ruleLst>
                  <dgm:rule type="w" val="INF" fact="NaN" max="NaN"/>
                </dgm:ruleLst>
                <dgm:forEach name="Name18" axis="ch" ptType="node">
                  <dgm:layoutNode name="vertThree">
                    <dgm:alg type="lin">
                      <dgm:param type="linDir" val="fromB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w" for="ch" forName="txThree" refType="w" refFor="ch" refForName="horzThree" op="gte"/>
                    </dgm:constrLst>
                    <dgm:ruleLst/>
                    <dgm:layoutNode name="txThree">
                      <dgm:varLst>
                        <dgm:chPref val="3"/>
                      </dgm:varLst>
                      <dgm:alg type="tx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self"/>
                      <dgm:constrLst>
                        <dgm:constr type="userH"/>
                        <dgm:constr type="h" refType="userH"/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choose name="Name19">
                      <dgm:if name="Name20" axis="des" ptType="node" func="cnt" op="gt" val="0">
                        <dgm:layoutNode name="parTrans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if>
                      <dgm:else name="Name21"/>
                    </dgm:choose>
                    <dgm:layoutNode name="horzThree">
                      <dgm:choose name="Name22">
                        <dgm:if name="Name23" func="var" arg="dir" op="equ" val="norm">
                          <dgm:alg type="lin">
                            <dgm:param type="linDir" val="fromL"/>
                            <dgm:param type="nodeVertAlign" val="b"/>
                          </dgm:alg>
                        </dgm:if>
                        <dgm:else name="Name24">
                          <dgm:alg type="lin">
                            <dgm:param type="linDir" val="fromR"/>
                            <dgm:param type="nodeVertAlign" val="b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constrLst/>
                      <dgm:ruleLst>
                        <dgm:rule type="w" val="INF" fact="NaN" max="NaN"/>
                      </dgm:ruleLst>
                      <dgm:forEach name="repeat" axis="ch" ptType="node">
                        <dgm:layoutNode name="vertFour">
                          <dgm:varLst>
                            <dgm:chPref val="3"/>
                          </dgm:varLst>
                          <dgm:alg type="lin">
                            <dgm:param type="linDir" val="fromB"/>
                          </dgm:alg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>
                            <dgm:constr type="w" for="ch" forName="txFour" refType="w" refFor="ch" refForName="horzFour" op="gte"/>
                          </dgm:constrLst>
                          <dgm:ruleLst/>
                          <dgm:layoutNode name="txFour">
                            <dgm:varLst>
                              <dgm:chPref val="3"/>
                            </dgm:varLst>
                            <dgm:alg type="tx"/>
                            <dgm:shape xmlns:r="http://schemas.openxmlformats.org/officeDocument/2006/relationships" type="roundRect" r:blip="">
                              <dgm:adjLst>
                                <dgm:adj idx="1" val="0.1"/>
                              </dgm:adjLst>
                            </dgm:shape>
                            <dgm:presOf axis="self"/>
                            <dgm:constrLst>
                              <dgm:constr type="userH"/>
                              <dgm:constr type="h" refType="userH"/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  <dgm:choose name="Name25">
                            <dgm:if name="Name26" axis="des" ptType="node" func="cnt" op="gt" val="0">
                              <dgm:layoutNode name="parTrans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if>
                            <dgm:else name="Name27"/>
                          </dgm:choose>
                          <dgm:layoutNode name="horzFour">
                            <dgm:choose name="Name28">
                              <dgm:if name="Name29" func="var" arg="dir" op="equ" val="norm">
                                <dgm:alg type="lin">
                                  <dgm:param type="linDir" val="fromL"/>
                                  <dgm:param type="nodeVertAlign" val="b"/>
                                </dgm:alg>
                              </dgm:if>
                              <dgm:else name="Name30">
                                <dgm:alg type="lin">
                                  <dgm:param type="linDir" val="fromR"/>
                                  <dgm:param type="nodeVertAlign" val="b"/>
                                </dgm:alg>
                              </dgm:else>
                            </dgm:choose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/>
                            <dgm:ruleLst>
                              <dgm:rule type="w" val="INF" fact="NaN" max="NaN"/>
                            </dgm:ruleLst>
                            <dgm:forEach name="Name31" ref="repeat"/>
                          </dgm:layoutNode>
                        </dgm:layoutNode>
                        <dgm:choose name="Name32">
                          <dgm:if name="Name33" axis="self" ptType="node" func="revPos" op="gte" val="2">
                            <dgm:forEach name="Name34" axis="followSib" ptType="sibTrans" cnt="1">
                              <dgm:layoutNode name="sibSpace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forEach>
                          </dgm:if>
                          <dgm:else name="Name35"/>
                        </dgm:choose>
                      </dgm:forEach>
                    </dgm:layoutNode>
                  </dgm:layoutNode>
                  <dgm:choose name="Name36">
                    <dgm:if name="Name37" axis="self" ptType="node" func="revPos" op="gte" val="2">
                      <dgm:forEach name="Name38" axis="followSib" ptType="sibTrans" cnt="1">
                        <dgm:layoutNode name="sibSpace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forEach>
                    </dgm:if>
                    <dgm:else name="Name39"/>
                  </dgm:choose>
                </dgm:forEach>
              </dgm:layoutNode>
            </dgm:layoutNode>
            <dgm:choose name="Name40">
              <dgm:if name="Name41" axis="self" ptType="node" func="revPos" op="gte" val="2">
                <dgm:forEach name="Name42" axis="followSib" ptType="sibTrans" cnt="1">
                  <dgm:layoutNode name="sibSpace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forEach>
              </dgm:if>
              <dgm:else name="Name43"/>
            </dgm:choose>
          </dgm:forEach>
        </dgm:layoutNode>
      </dgm:layoutNode>
      <dgm:choose name="Name44">
        <dgm:if name="Name45" axis="self" ptType="node" func="revPos" op="gte" val="2">
          <dgm:forEach name="Name46" axis="followSib" ptType="sibTrans" cnt="1">
            <dgm:layoutNode name="sibSpace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if>
        <dgm:else name="Name47"/>
      </dgm:choose>
    </dgm:forEach>
  </dgm:layoutNode>
</dgm:layoutDef>
</file>

<file path=ppt/diagrams/layout6.xml><?xml version="1.0" encoding="utf-8"?>
<dgm:layoutDef xmlns:dgm="http://schemas.openxmlformats.org/drawingml/2006/diagram" xmlns:a="http://schemas.openxmlformats.org/drawingml/2006/main" uniqueId="urn:microsoft.com/office/officeart/2005/8/layout/process4">
  <dgm:title val=""/>
  <dgm:desc val=""/>
  <dgm:catLst>
    <dgm:cat type="process" pri="16000"/>
    <dgm:cat type="list" pri="20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animLvl val="lvl"/>
      <dgm:resizeHandles val="exact"/>
    </dgm:varLst>
    <dgm:alg type="lin">
      <dgm:param type="linDir" val="fromB"/>
    </dgm:alg>
    <dgm:shape xmlns:r="http://schemas.openxmlformats.org/officeDocument/2006/relationships" r:blip="">
      <dgm:adjLst/>
    </dgm:shape>
    <dgm:presOf/>
    <dgm:constrLst>
      <dgm:constr type="h" for="ch" forName="boxAndChildren" refType="h"/>
      <dgm:constr type="h" for="ch" forName="arrowAndChildren" refType="h" refFor="ch" refForName="boxAndChildren" op="equ" fact="1.538"/>
      <dgm:constr type="w" for="ch" forName="arrowAndChildren" refType="w"/>
      <dgm:constr type="w" for="ch" forName="boxAndChildren" refType="w"/>
      <dgm:constr type="h" for="ch" forName="sp" refType="h" fact="-0.015"/>
      <dgm:constr type="primFontSz" for="des" forName="parentTextBox" val="65"/>
      <dgm:constr type="primFontSz" for="des" forName="parentTextArrow" refType="primFontSz" refFor="des" refForName="parentTextBox" op="equ"/>
      <dgm:constr type="primFontSz" for="des" forName="childTextArrow" val="65"/>
      <dgm:constr type="primFontSz" for="des" forName="childTextBox" refType="primFontSz" refFor="des" refForName="childTextArrow" op="equ"/>
    </dgm:constrLst>
    <dgm:ruleLst/>
    <dgm:forEach name="Name1" axis="ch" ptType="node" st="-1" step="-1">
      <dgm:choose name="Name2">
        <dgm:if name="Name3" axis="self" ptType="node" func="revPos" op="equ" val="1">
          <dgm:layoutNode name="boxAndChildren">
            <dgm:alg type="composite"/>
            <dgm:shape xmlns:r="http://schemas.openxmlformats.org/officeDocument/2006/relationships" r:blip="">
              <dgm:adjLst/>
            </dgm:shape>
            <dgm:presOf/>
            <dgm:choose name="Name4">
              <dgm:if name="Name5" axis="ch" ptType="node" func="cnt" op="gte" val="1">
                <dgm:constrLst>
                  <dgm:constr type="w" for="ch" forName="parentTextBox" refType="w"/>
                  <dgm:constr type="h" for="ch" forName="parentTextBox" refType="h" fact="0.54"/>
                  <dgm:constr type="t" for="ch" forName="parentTextBox"/>
                  <dgm:constr type="w" for="ch" forName="entireBox" refType="w"/>
                  <dgm:constr type="h" for="ch" forName="entireBox" refType="h"/>
                  <dgm:constr type="w" for="ch" forName="descendantBox" refType="w"/>
                  <dgm:constr type="b" for="ch" forName="descendantBox" refType="h" fact="0.98"/>
                  <dgm:constr type="h" for="ch" forName="descendantBox" refType="h" fact="0.46"/>
                </dgm:constrLst>
              </dgm:if>
              <dgm:else name="Name6">
                <dgm:constrLst>
                  <dgm:constr type="w" for="ch" forName="parentTextBox" refType="w"/>
                  <dgm:constr type="h" for="ch" forName="parentTextBox" refType="h"/>
                </dgm:constrLst>
              </dgm:else>
            </dgm:choose>
            <dgm:ruleLst/>
            <dgm:layoutNode name="parentTextBox">
              <dgm:alg type="tx"/>
              <dgm:choose name="Name7">
                <dgm:if name="Name8" axis="ch" ptType="node" func="cnt" op="gte" val="1">
                  <dgm:shape xmlns:r="http://schemas.openxmlformats.org/officeDocument/2006/relationships" type="rect" r:blip="" zOrderOff="1" hideGeom="1">
                    <dgm:adjLst/>
                  </dgm:shape>
                </dgm:if>
                <dgm:else name="Name9">
                  <dgm:shape xmlns:r="http://schemas.openxmlformats.org/officeDocument/2006/relationships" type="rect" r:blip="">
                    <dgm:adjLst/>
                  </dgm:shape>
                </dgm:else>
              </dgm:choose>
              <dgm:presOf axis="self"/>
              <dgm:constrLst/>
              <dgm:ruleLst>
                <dgm:rule type="primFontSz" val="5" fact="NaN" max="NaN"/>
              </dgm:ruleLst>
            </dgm:layoutNode>
            <dgm:choose name="Name10">
              <dgm:if name="Name11" axis="ch" ptType="node" func="cnt" op="gte" val="1">
                <dgm:layoutNode name="entireBox">
                  <dgm:alg type="sp"/>
                  <dgm:shape xmlns:r="http://schemas.openxmlformats.org/officeDocument/2006/relationships" type="rect" r:blip="">
                    <dgm:adjLst/>
                  </dgm:shape>
                  <dgm:presOf axis="self"/>
                  <dgm:constrLst/>
                  <dgm:ruleLst/>
                </dgm:layoutNode>
                <dgm:layoutNode name="descendantBox" styleLbl="fgAccFollowNode1">
                  <dgm:choose name="Name12">
                    <dgm:if name="Name13" func="var" arg="dir" op="equ" val="norm">
                      <dgm:alg type="lin"/>
                    </dgm:if>
                    <dgm:else name="Name14">
                      <dgm:alg type="lin">
                        <dgm:param type="linDir" val="fromR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>
                    <dgm:constr type="w" for="ch" forName="childTextBox" refType="w"/>
                    <dgm:constr type="h" for="ch" forName="childTextBox" refType="h"/>
                  </dgm:constrLst>
                  <dgm:ruleLst/>
                  <dgm:forEach name="Name15" axis="ch" ptType="node">
                    <dgm:layoutNode name="childTextBox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rect" r:blip="">
                        <dgm:adjLst/>
                      </dgm:shape>
                      <dgm:presOf axis="desOrSelf" ptType="node"/>
                      <dgm:constrLst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</dgm:forEach>
                </dgm:layoutNode>
              </dgm:if>
              <dgm:else name="Name16"/>
            </dgm:choose>
          </dgm:layoutNode>
        </dgm:if>
        <dgm:else name="Name17">
          <dgm:layoutNode name="arrowAndChildren">
            <dgm:alg type="composite"/>
            <dgm:shape xmlns:r="http://schemas.openxmlformats.org/officeDocument/2006/relationships" r:blip="">
              <dgm:adjLst/>
            </dgm:shape>
            <dgm:presOf/>
            <dgm:choose name="Name18">
              <dgm:if name="Name19" axis="ch" ptType="node" func="cnt" op="gte" val="1">
                <dgm:constrLst>
                  <dgm:constr type="w" for="ch" forName="parentTextArrow" refType="w"/>
                  <dgm:constr type="t" for="ch" forName="parentTextArrow"/>
                  <dgm:constr type="h" for="ch" forName="parentTextArrow" refType="h" fact="0.351"/>
                  <dgm:constr type="w" for="ch" forName="arrow" refType="w"/>
                  <dgm:constr type="h" for="ch" forName="arrow" refType="h"/>
                  <dgm:constr type="w" for="ch" forName="descendantArrow" refType="w"/>
                  <dgm:constr type="b" for="ch" forName="descendantArrow" refType="h" fact="0.65"/>
                  <dgm:constr type="h" for="ch" forName="descendantArrow" refType="h" fact="0.299"/>
                </dgm:constrLst>
              </dgm:if>
              <dgm:else name="Name20">
                <dgm:constrLst>
                  <dgm:constr type="w" for="ch" forName="parentTextArrow" refType="w"/>
                  <dgm:constr type="h" for="ch" forName="parentTextArrow" refType="h"/>
                </dgm:constrLst>
              </dgm:else>
            </dgm:choose>
            <dgm:ruleLst/>
            <dgm:layoutNode name="parentTextArrow">
              <dgm:alg type="tx"/>
              <dgm:choose name="Name21">
                <dgm:if name="Name22" axis="ch" ptType="node" func="cnt" op="gte" val="1">
                  <dgm:shape xmlns:r="http://schemas.openxmlformats.org/officeDocument/2006/relationships" type="rect" r:blip="" zOrderOff="1" hideGeom="1">
                    <dgm:adjLst/>
                  </dgm:shape>
                </dgm:if>
                <dgm:else name="Name23">
                  <dgm:shape xmlns:r="http://schemas.openxmlformats.org/officeDocument/2006/relationships" rot="180" type="upArrowCallout" r:blip="">
                    <dgm:adjLst/>
                  </dgm:shape>
                </dgm:else>
              </dgm:choose>
              <dgm:presOf axis="self"/>
              <dgm:constrLst/>
              <dgm:ruleLst>
                <dgm:rule type="primFontSz" val="5" fact="NaN" max="NaN"/>
              </dgm:ruleLst>
            </dgm:layoutNode>
            <dgm:choose name="Name24">
              <dgm:if name="Name25" axis="ch" ptType="node" func="cnt" op="gte" val="1">
                <dgm:layoutNode name="arrow">
                  <dgm:alg type="sp"/>
                  <dgm:shape xmlns:r="http://schemas.openxmlformats.org/officeDocument/2006/relationships" rot="180" type="upArrowCallout" r:blip="">
                    <dgm:adjLst/>
                  </dgm:shape>
                  <dgm:presOf axis="self"/>
                  <dgm:constrLst/>
                  <dgm:ruleLst/>
                </dgm:layoutNode>
                <dgm:layoutNode name="descendantArrow">
                  <dgm:choose name="Name26">
                    <dgm:if name="Name27" func="var" arg="dir" op="equ" val="norm">
                      <dgm:alg type="lin"/>
                    </dgm:if>
                    <dgm:else name="Name28">
                      <dgm:alg type="lin">
                        <dgm:param type="linDir" val="fromR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>
                    <dgm:constr type="w" for="ch" forName="childTextArrow" refType="w"/>
                    <dgm:constr type="h" for="ch" forName="childTextArrow" refType="h"/>
                  </dgm:constrLst>
                  <dgm:ruleLst/>
                  <dgm:forEach name="Name29" axis="ch" ptType="node">
                    <dgm:layoutNode name="childTextArrow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rect" r:blip="">
                        <dgm:adjLst/>
                      </dgm:shape>
                      <dgm:presOf axis="desOrSelf" ptType="node"/>
                      <dgm:constrLst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</dgm:forEach>
                </dgm:layoutNode>
              </dgm:if>
              <dgm:else name="Name30"/>
            </dgm:choose>
          </dgm:layoutNode>
        </dgm:else>
      </dgm:choose>
      <dgm:forEach name="Name31" axis="precedSib" ptType="sibTrans" st="-1" cnt="1">
        <dgm:layoutNode name="sp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</dgm:layoutDef>
</file>

<file path=ppt/diagrams/layout7.xml><?xml version="1.0" encoding="utf-8"?>
<dgm:layoutDef xmlns:dgm="http://schemas.openxmlformats.org/drawingml/2006/diagram" xmlns:a="http://schemas.openxmlformats.org/drawingml/2006/main" uniqueId="urn:microsoft.com/office/officeart/2005/8/layout/architecture">
  <dgm:title val="Architecture Layout"/>
  <dgm:desc val="Use to show hierarchical relationships that build from the bottom up. This layout works well for showing architectural components or objects that build on other objects."/>
  <dgm:catLst>
    <dgm:cat type="hierarchy" pri="4500"/>
    <dgm:cat type="list" pri="24500"/>
    <dgm:cat type="relationship" pri="10500"/>
    <dgm:cat type="officeonline" pri="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Name0">
    <dgm:varLst>
      <dgm:chPref val="1"/>
      <dgm:dir/>
      <dgm:animOne val="branch"/>
      <dgm:animLvl val="lvl"/>
      <dgm:resizeHandles/>
    </dgm:varLst>
    <dgm:choose name="Name1">
      <dgm:if name="Name2" func="var" arg="dir" op="equ" val="norm">
        <dgm:alg type="lin">
          <dgm:param type="linDir" val="fromL"/>
          <dgm:param type="nodeVertAlign" val="b"/>
        </dgm:alg>
      </dgm:if>
      <dgm:else name="Name3">
        <dgm:alg type="lin">
          <dgm:param type="linDir" val="fromR"/>
          <dgm:param type="nodeVertAlign" val="b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vertOne" refType="w"/>
      <dgm:constr type="w" for="des" forName="horzOne" refType="w"/>
      <dgm:constr type="w" for="des" forName="txOne" refType="w"/>
      <dgm:constr type="w" for="des" forName="vertTwo" refType="w"/>
      <dgm:constr type="w" for="des" forName="horzTwo" refType="w"/>
      <dgm:constr type="w" for="des" forName="txTwo" refType="w"/>
      <dgm:constr type="w" for="des" forName="vertThree" refType="w"/>
      <dgm:constr type="w" for="des" forName="horzThree" refType="w"/>
      <dgm:constr type="w" for="des" forName="txThree" refType="w"/>
      <dgm:constr type="w" for="des" forName="vertFour" refType="w"/>
      <dgm:constr type="w" for="des" forName="horzFour" refType="w"/>
      <dgm:constr type="w" for="des" forName="txFour" refType="w"/>
      <dgm:constr type="h" for="des" ptType="node" op="equ"/>
      <dgm:constr type="h" for="des" forName="txOne" refType="h"/>
      <dgm:constr type="userH" for="des" ptType="node" refType="h" refFor="des" refForName="txOne"/>
      <dgm:constr type="primFontSz" for="des" forName="txOne" val="65"/>
      <dgm:constr type="primFontSz" for="des" forName="txTwo" val="65"/>
      <dgm:constr type="primFontSz" for="des" forName="txTwo" refType="primFontSz" refFor="des" refForName="txOne" op="lte"/>
      <dgm:constr type="primFontSz" for="des" forName="txThree" val="65"/>
      <dgm:constr type="primFontSz" for="des" forName="txThree" refType="primFontSz" refFor="des" refForName="txOne" op="lte"/>
      <dgm:constr type="primFontSz" for="des" forName="txThree" refType="primFontSz" refFor="des" refForName="txTwo" op="lte"/>
      <dgm:constr type="primFontSz" for="des" forName="txFour" val="65"/>
      <dgm:constr type="primFontSz" for="des" forName="txFour" refType="primFontSz" refFor="des" refForName="txOne" op="lte"/>
      <dgm:constr type="primFontSz" for="des" forName="txFour" refType="primFontSz" refFor="des" refForName="txTwo" op="lte"/>
      <dgm:constr type="primFontSz" for="des" forName="txFour" refType="primFontSz" refFor="des" refForName="txThree" op="lte"/>
      <dgm:constr type="w" for="des" forName="sibSpaceOne" refType="w" fact="0.168"/>
      <dgm:constr type="w" for="des" forName="sibSpaceTwo" refType="w" refFor="des" refForName="sibSpaceOne" op="equ" fact="0.5"/>
      <dgm:constr type="w" for="des" forName="sibSpaceThree" refType="w" refFor="des" refForName="sibSpaceTwo" op="equ" fact="0.5"/>
      <dgm:constr type="w" for="des" forName="sibSpaceFour" refType="w" refFor="des" refForName="sibSpaceThree" op="equ" fact="0.5"/>
      <dgm:constr type="h" for="des" forName="parTransOne" refType="w" fact="0.056"/>
      <dgm:constr type="h" for="des" forName="parTransTwo" refType="h" refFor="des" refForName="parTransOne" op="equ"/>
      <dgm:constr type="h" for="des" forName="parTransThree" refType="h" refFor="des" refForName="parTransTwo" op="equ"/>
      <dgm:constr type="h" for="des" forName="parTransFour" refType="h" refFor="des" refForName="parTransThree" op="equ"/>
    </dgm:constrLst>
    <dgm:ruleLst/>
    <dgm:forEach name="Name4" axis="ch" ptType="node">
      <dgm:layoutNode name="vertOne">
        <dgm:alg type="lin">
          <dgm:param type="linDir" val="fromB"/>
        </dgm:alg>
        <dgm:shape xmlns:r="http://schemas.openxmlformats.org/officeDocument/2006/relationships" r:blip="">
          <dgm:adjLst/>
        </dgm:shape>
        <dgm:presOf/>
        <dgm:constrLst>
          <dgm:constr type="w" for="ch" forName="txOne" refType="w" refFor="ch" refForName="horzOne" op="gte"/>
        </dgm:constrLst>
        <dgm:ruleLst/>
        <dgm:layoutNode name="txOne" styleLbl="node0">
          <dgm:varLst>
            <dgm:chPref val="3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5">
          <dgm:if name="Name6" axis="des" ptType="node" func="cnt" op="gt" val="0">
            <dgm:layoutNode name="parTrans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if>
          <dgm:else name="Name7"/>
        </dgm:choose>
        <dgm:layoutNode name="horzOne">
          <dgm:choose name="Name8">
            <dgm:if name="Name9" func="var" arg="dir" op="equ" val="norm">
              <dgm:alg type="lin">
                <dgm:param type="linDir" val="fromL"/>
                <dgm:param type="nodeVertAlign" val="b"/>
              </dgm:alg>
            </dgm:if>
            <dgm:else name="Name10">
              <dgm:alg type="lin">
                <dgm:param type="linDir" val="fromR"/>
                <dgm:param type="nodeVertAlign" val="b"/>
              </dgm:alg>
            </dgm:else>
          </dgm:choose>
          <dgm:shape xmlns:r="http://schemas.openxmlformats.org/officeDocument/2006/relationships" r:blip="">
            <dgm:adjLst/>
          </dgm:shape>
          <dgm:presOf/>
          <dgm:constrLst/>
          <dgm:ruleLst>
            <dgm:rule type="w" val="INF" fact="NaN" max="NaN"/>
          </dgm:ruleLst>
          <dgm:forEach name="Name11" axis="ch" ptType="node">
            <dgm:layoutNode name="vertTwo">
              <dgm:alg type="lin">
                <dgm:param type="linDir" val="fromB"/>
              </dgm:alg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xTwo" refType="w" refFor="ch" refForName="horzTwo" op="gte"/>
              </dgm:constrLst>
              <dgm:ruleLst/>
              <dgm:layoutNode name="txTwo">
                <dgm:varLst>
                  <dgm:chPref val="3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self"/>
                <dgm:constrLst>
                  <dgm:constr type="userH"/>
                  <dgm:constr type="h" refType="userH"/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choose name="Name12">
                <dgm:if name="Name13" axis="des" ptType="node" func="cnt" op="gt" val="0">
                  <dgm:layoutNode name="parTrans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if>
                <dgm:else name="Name14"/>
              </dgm:choose>
              <dgm:layoutNode name="horzTwo">
                <dgm:choose name="Name15">
                  <dgm:if name="Name16" func="var" arg="dir" op="equ" val="norm">
                    <dgm:alg type="lin">
                      <dgm:param type="linDir" val="fromL"/>
                      <dgm:param type="nodeVertAlign" val="b"/>
                    </dgm:alg>
                  </dgm:if>
                  <dgm:else name="Name17">
                    <dgm:alg type="lin">
                      <dgm:param type="linDir" val="fromR"/>
                      <dgm:param type="nodeVertAlign" val="b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constrLst/>
                <dgm:ruleLst>
                  <dgm:rule type="w" val="INF" fact="NaN" max="NaN"/>
                </dgm:ruleLst>
                <dgm:forEach name="Name18" axis="ch" ptType="node">
                  <dgm:layoutNode name="vertThree">
                    <dgm:alg type="lin">
                      <dgm:param type="linDir" val="fromB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w" for="ch" forName="txThree" refType="w" refFor="ch" refForName="horzThree" op="gte"/>
                    </dgm:constrLst>
                    <dgm:ruleLst/>
                    <dgm:layoutNode name="txThree">
                      <dgm:varLst>
                        <dgm:chPref val="3"/>
                      </dgm:varLst>
                      <dgm:alg type="tx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self"/>
                      <dgm:constrLst>
                        <dgm:constr type="userH"/>
                        <dgm:constr type="h" refType="userH"/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choose name="Name19">
                      <dgm:if name="Name20" axis="des" ptType="node" func="cnt" op="gt" val="0">
                        <dgm:layoutNode name="parTrans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if>
                      <dgm:else name="Name21"/>
                    </dgm:choose>
                    <dgm:layoutNode name="horzThree">
                      <dgm:choose name="Name22">
                        <dgm:if name="Name23" func="var" arg="dir" op="equ" val="norm">
                          <dgm:alg type="lin">
                            <dgm:param type="linDir" val="fromL"/>
                            <dgm:param type="nodeVertAlign" val="b"/>
                          </dgm:alg>
                        </dgm:if>
                        <dgm:else name="Name24">
                          <dgm:alg type="lin">
                            <dgm:param type="linDir" val="fromR"/>
                            <dgm:param type="nodeVertAlign" val="b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constrLst/>
                      <dgm:ruleLst>
                        <dgm:rule type="w" val="INF" fact="NaN" max="NaN"/>
                      </dgm:ruleLst>
                      <dgm:forEach name="repeat" axis="ch" ptType="node">
                        <dgm:layoutNode name="vertFour">
                          <dgm:varLst>
                            <dgm:chPref val="3"/>
                          </dgm:varLst>
                          <dgm:alg type="lin">
                            <dgm:param type="linDir" val="fromB"/>
                          </dgm:alg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>
                            <dgm:constr type="w" for="ch" forName="txFour" refType="w" refFor="ch" refForName="horzFour" op="gte"/>
                          </dgm:constrLst>
                          <dgm:ruleLst/>
                          <dgm:layoutNode name="txFour">
                            <dgm:varLst>
                              <dgm:chPref val="3"/>
                            </dgm:varLst>
                            <dgm:alg type="tx"/>
                            <dgm:shape xmlns:r="http://schemas.openxmlformats.org/officeDocument/2006/relationships" type="roundRect" r:blip="">
                              <dgm:adjLst>
                                <dgm:adj idx="1" val="0.1"/>
                              </dgm:adjLst>
                            </dgm:shape>
                            <dgm:presOf axis="self"/>
                            <dgm:constrLst>
                              <dgm:constr type="userH"/>
                              <dgm:constr type="h" refType="userH"/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  <dgm:choose name="Name25">
                            <dgm:if name="Name26" axis="des" ptType="node" func="cnt" op="gt" val="0">
                              <dgm:layoutNode name="parTrans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if>
                            <dgm:else name="Name27"/>
                          </dgm:choose>
                          <dgm:layoutNode name="horzFour">
                            <dgm:choose name="Name28">
                              <dgm:if name="Name29" func="var" arg="dir" op="equ" val="norm">
                                <dgm:alg type="lin">
                                  <dgm:param type="linDir" val="fromL"/>
                                  <dgm:param type="nodeVertAlign" val="b"/>
                                </dgm:alg>
                              </dgm:if>
                              <dgm:else name="Name30">
                                <dgm:alg type="lin">
                                  <dgm:param type="linDir" val="fromR"/>
                                  <dgm:param type="nodeVertAlign" val="b"/>
                                </dgm:alg>
                              </dgm:else>
                            </dgm:choose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/>
                            <dgm:ruleLst>
                              <dgm:rule type="w" val="INF" fact="NaN" max="NaN"/>
                            </dgm:ruleLst>
                            <dgm:forEach name="Name31" ref="repeat"/>
                          </dgm:layoutNode>
                        </dgm:layoutNode>
                        <dgm:choose name="Name32">
                          <dgm:if name="Name33" axis="self" ptType="node" func="revPos" op="gte" val="2">
                            <dgm:forEach name="Name34" axis="followSib" ptType="sibTrans" cnt="1">
                              <dgm:layoutNode name="sibSpace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forEach>
                          </dgm:if>
                          <dgm:else name="Name35"/>
                        </dgm:choose>
                      </dgm:forEach>
                    </dgm:layoutNode>
                  </dgm:layoutNode>
                  <dgm:choose name="Name36">
                    <dgm:if name="Name37" axis="self" ptType="node" func="revPos" op="gte" val="2">
                      <dgm:forEach name="Name38" axis="followSib" ptType="sibTrans" cnt="1">
                        <dgm:layoutNode name="sibSpace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forEach>
                    </dgm:if>
                    <dgm:else name="Name39"/>
                  </dgm:choose>
                </dgm:forEach>
              </dgm:layoutNode>
            </dgm:layoutNode>
            <dgm:choose name="Name40">
              <dgm:if name="Name41" axis="self" ptType="node" func="revPos" op="gte" val="2">
                <dgm:forEach name="Name42" axis="followSib" ptType="sibTrans" cnt="1">
                  <dgm:layoutNode name="sibSpace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forEach>
              </dgm:if>
              <dgm:else name="Name43"/>
            </dgm:choose>
          </dgm:forEach>
        </dgm:layoutNode>
      </dgm:layoutNode>
      <dgm:choose name="Name44">
        <dgm:if name="Name45" axis="self" ptType="node" func="revPos" op="gte" val="2">
          <dgm:forEach name="Name46" axis="followSib" ptType="sibTrans" cnt="1">
            <dgm:layoutNode name="sibSpace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if>
        <dgm:else name="Name47"/>
      </dgm:choose>
    </dgm:forEach>
  </dgm:layoutNode>
</dgm:layoutDef>
</file>

<file path=ppt/diagrams/layout8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9.xml><?xml version="1.0" encoding="utf-8"?>
<dgm:layoutDef xmlns:dgm="http://schemas.openxmlformats.org/drawingml/2006/diagram" xmlns:a="http://schemas.openxmlformats.org/drawingml/2006/main" uniqueId="urn:microsoft.com/office/officeart/2005/8/layout/hList2">
  <dgm:title val=""/>
  <dgm:desc val=""/>
  <dgm:catLst>
    <dgm:cat type="list" pri="6000"/>
    <dgm:cat type="relationship" pri="16000"/>
    <dgm:cat type="picture" pri="29000"/>
    <dgm:cat type="pictureconvert" pri="29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linearFlow">
    <dgm:varLst>
      <dgm:dir/>
      <dgm:animLvl val="lvl"/>
      <dgm:resizeHandles/>
    </dgm:varLst>
    <dgm:choose name="Name0">
      <dgm:if name="Name1" func="var" arg="dir" op="equ" val="norm">
        <dgm:alg type="lin">
          <dgm:param type="linDir" val="fromL"/>
          <dgm:param type="nodeVertAlign" val="t"/>
        </dgm:alg>
      </dgm:if>
      <dgm:else name="Name2">
        <dgm:alg type="lin">
          <dgm:param type="linDir" val="fromR"/>
          <dgm:param type="nodeVertAlign" val="t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compositeNode" refType="w"/>
      <dgm:constr type="h" for="ch" forName="compositeNode" refType="h"/>
      <dgm:constr type="w" for="ch" forName="sibTrans" refType="w" refFor="ch" refForName="compositeNode" op="equ" fact="0.2"/>
      <dgm:constr type="h" for="des" forName="childNode" op="equ"/>
      <dgm:constr type="w" for="des" forName="childNode" op="equ"/>
      <dgm:constr type="w" for="des" forName="parentNode" op="equ"/>
      <dgm:constr type="h" for="des" forName="image" op="equ"/>
      <dgm:constr type="w" for="des" forName="image" op="equ"/>
      <dgm:constr type="primFontSz" for="des" forName="parentNode" op="equ" val="65"/>
      <dgm:constr type="primFontSz" for="des" forName="childNode" op="equ" val="65"/>
    </dgm:constrLst>
    <dgm:ruleLst/>
    <dgm:forEach name="Name3" axis="ch" ptType="node">
      <dgm:layoutNode name="compositeNode">
        <dgm:varLst>
          <dgm:bulletEnabled val="1"/>
        </dgm:varLst>
        <dgm:alg type="composite"/>
        <dgm:presOf/>
        <dgm:choose name="Name4">
          <dgm:if name="Name5" func="var" arg="dir" op="equ" val="norm">
            <dgm:constrLst>
              <dgm:constr type="w" for="ch" forName="image" refType="w"/>
              <dgm:constr type="h" for="ch" forName="image" refType="h"/>
              <dgm:constr type="h" for="ch" forName="image" refType="w" refFor="ch" refForName="image" op="lte"/>
              <dgm:constr type="w" for="ch" forName="image" refType="h" refFor="ch" refForName="image" op="lte"/>
              <dgm:constr type="w" for="ch" forName="image" refType="w" op="lte" fact="0.33"/>
              <dgm:constr type="h" for="ch" forName="image" refType="h" op="lte" fact="0.33"/>
              <dgm:constr type="t" for="ch" forName="image"/>
              <dgm:constr type="l" for="ch" forName="image"/>
              <dgm:constr type="w" for="ch" forName="childNode" refType="w" fact="0.85"/>
              <dgm:constr type="h" for="ch" forName="childNode" refType="h" fact="0.78"/>
              <dgm:constr type="t" for="ch" forName="childNode" refType="h" refFor="ch" refForName="image" fact="0.66"/>
              <dgm:constr type="l" for="ch" forName="childNode" refType="w" refFor="ch" refForName="image" fact="0.5"/>
              <dgm:constr type="tMarg" for="ch" forName="childNode" refType="w" refFor="ch" refForName="image" fact="1.25"/>
              <dgm:constr type="t" for="ch" forName="parentNode" refType="h" refFor="ch" refForName="image" fact="0.66"/>
              <dgm:constr type="b" for="ch" forName="parentNode" refType="b" refFor="ch" refForName="childNode"/>
              <dgm:constr type="l" for="ch" forName="parentNode"/>
              <dgm:constr type="r" for="ch" forName="parentNode" refType="l" refFor="ch" refForName="childNode"/>
              <dgm:constr type="rMarg" for="ch" forName="parentNode" refType="w" refFor="ch" refForName="image" fact="1.25"/>
            </dgm:constrLst>
          </dgm:if>
          <dgm:else name="Name6">
            <dgm:constrLst>
              <dgm:constr type="w" for="ch" forName="image" refType="w"/>
              <dgm:constr type="h" for="ch" forName="image" refType="h"/>
              <dgm:constr type="h" for="ch" forName="image" refType="w" refFor="ch" refForName="image" op="lte"/>
              <dgm:constr type="w" for="ch" forName="image" refType="h" refFor="ch" refForName="image" op="lte"/>
              <dgm:constr type="w" for="ch" forName="image" refType="w" op="lte" fact="0.33"/>
              <dgm:constr type="h" for="ch" forName="image" refType="h" op="lte" fact="0.33"/>
              <dgm:constr type="t" for="ch" forName="image"/>
              <dgm:constr type="r" for="ch" forName="image" refType="w"/>
              <dgm:constr type="w" for="ch" forName="childNode" refType="w" fact="0.85"/>
              <dgm:constr type="h" for="ch" forName="childNode" refType="h" fact="0.78"/>
              <dgm:constr type="t" for="ch" forName="childNode" refType="h" refFor="ch" refForName="image" fact="0.66"/>
              <dgm:constr type="r" for="ch" forName="childNode" refType="w"/>
              <dgm:constr type="rOff" for="ch" forName="childNode" refType="w" refFor="ch" refForName="image" fact="-0.5"/>
              <dgm:constr type="tMarg" for="ch" forName="childNode" refType="w" refFor="ch" refForName="image" fact="1.25"/>
              <dgm:constr type="t" for="ch" forName="parentNode" refType="h" refFor="ch" refForName="image" fact="0.66"/>
              <dgm:constr type="b" for="ch" forName="parentNode" refType="b" refFor="ch" refForName="childNode"/>
              <dgm:constr type="r" for="ch" forName="parentNode" refType="w"/>
              <dgm:constr type="l" for="ch" forName="parentNode" refType="r" refFor="ch" refForName="childNode"/>
              <dgm:constr type="lOff" for="ch" forName="parentNode" refType="rOff" refFor="ch" refForName="childNode"/>
              <dgm:constr type="lMarg" for="ch" forName="parentNode" refType="w" refFor="ch" refForName="image" fact="1.25"/>
            </dgm:constrLst>
          </dgm:else>
        </dgm:choose>
        <dgm:ruleLst>
          <dgm:rule type="w" for="ch" forName="childNode" val="NaN" fact="0.4" max="NaN"/>
          <dgm:rule type="h" for="ch" forName="childNode" val="NaN" fact="0.5" max="NaN"/>
        </dgm:ruleLst>
        <dgm:layoutNode name="image" styleLbl="fgImgPlace1">
          <dgm:alg type="sp"/>
          <dgm:shape xmlns:r="http://schemas.openxmlformats.org/officeDocument/2006/relationships" type="rect" r:blip="" zOrderOff="4" blipPhldr="1">
            <dgm:adjLst/>
          </dgm:shape>
          <dgm:presOf/>
          <dgm:constrLst/>
          <dgm:ruleLst/>
        </dgm:layoutNode>
        <dgm:layoutNode name="childNode" styleLbl="node1">
          <dgm:varLst>
            <dgm:bulletEnabled val="1"/>
          </dgm:varLst>
          <dgm:alg type="tx">
            <dgm:param type="stBulletLvl" val="1"/>
          </dgm:alg>
          <dgm:shape xmlns:r="http://schemas.openxmlformats.org/officeDocument/2006/relationships" type="rect" r:blip="" zOrderOff="2">
            <dgm:adjLst/>
          </dgm:shape>
          <dgm:presOf axis="des" ptType="node"/>
          <dgm:constrLst/>
          <dgm:ruleLst>
            <dgm:rule type="primFontSz" val="5" fact="NaN" max="NaN"/>
          </dgm:ruleLst>
        </dgm:layoutNode>
        <dgm:layoutNode name="parentNode" styleLbl="revTx">
          <dgm:varLst>
            <dgm:chMax val="0"/>
            <dgm:bulletEnabled val="1"/>
          </dgm:varLst>
          <dgm:choose name="Name7">
            <dgm:if name="Name8" func="var" arg="dir" op="equ" val="norm">
              <dgm:alg type="tx">
                <dgm:param type="autoTxRot" val="grav"/>
                <dgm:param type="txAnchorVert" val="t"/>
                <dgm:param type="parTxLTRAlign" val="r"/>
                <dgm:param type="parTxRTLAlign" val="r"/>
              </dgm:alg>
              <dgm:shape xmlns:r="http://schemas.openxmlformats.org/officeDocument/2006/relationships" rot="270" type="rect" r:blip="">
                <dgm:adjLst/>
              </dgm:shape>
              <dgm:presOf axis="self"/>
              <dgm:constrLst>
                <dgm:constr type="lMarg"/>
                <dgm:constr type="bMarg"/>
                <dgm:constr type="tMarg"/>
              </dgm:constrLst>
            </dgm:if>
            <dgm:else name="Name9">
              <dgm:alg type="tx">
                <dgm:param type="autoTxRot" val="grav"/>
                <dgm:param type="parTxLTRAlign" val="l"/>
                <dgm:param type="parTxRTLAlign" val="l"/>
              </dgm:alg>
              <dgm:shape xmlns:r="http://schemas.openxmlformats.org/officeDocument/2006/relationships" rot="90" type="rect" r:blip="">
                <dgm:adjLst/>
              </dgm:shape>
              <dgm:presOf axis="self"/>
              <dgm:constrLst>
                <dgm:constr type="rMarg"/>
                <dgm:constr type="bMarg"/>
                <dgm:constr type="tMarg"/>
              </dgm:constrLst>
            </dgm:else>
          </dgm:choose>
          <dgm:ruleLst>
            <dgm:rule type="primFontSz" val="5" fact="NaN" max="NaN"/>
          </dgm:ruleLst>
        </dgm:layoutNode>
      </dgm:layoutNode>
      <dgm:forEach name="Name10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0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2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5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6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7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8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9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07-22T14:44:20.514"/>
    </inkml:context>
    <inkml:brush xml:id="br0">
      <inkml:brushProperty name="width" value="0.05" units="cm"/>
      <inkml:brushProperty name="height" value="0.05" units="cm"/>
      <inkml:brushProperty name="color" value="#004F8B"/>
    </inkml:brush>
  </inkml:definitions>
  <inkml:trace contextRef="#ctx0" brushRef="#br0">30 3322 24575,'-1'0'0,"0"-1"0,0 1 0,0-1 0,0 1 0,0-1 0,0 1 0,0-1 0,0 0 0,0 0 0,0 1 0,0-1 0,0 0 0,1 0 0,-1 0 0,0 0 0,1 0 0,-1 0 0,0 0 0,1 0 0,-1 0 0,1-1 0,0 1 0,-1 0 0,1 0 0,0 0 0,0 0 0,0-3 0,-5-37 0,5 36 0,-4-40 0,3 0 0,1-1 0,3 1 0,1 0 0,3 0 0,1 0 0,2 1 0,19-48 0,-5 30 0,-1-2 0,2 1 0,4 2 0,2 0 0,49-70 0,-53 94 0,2 1 0,1 2 0,3 1 0,0 1 0,2 2 0,67-46 0,-46 40 0,180-101 0,-19 24 0,-170 87 0,-1-2 0,48-38 0,49-31 0,-82 59 0,-1-3 0,-2-3 0,62-60 0,145-166 0,-244 247 0,26-28 0,-3-2 0,-2-1 0,-2-3 0,-3-1 0,-3-2 0,-2-1 0,-3-1 0,-3-2 0,-2-1 0,20-91 0,-10-87 0,-33 238-124,-1 0 0,1 0 0,0 0 0,0 0 0,1 1 0,-1-1-1,1 0 1,0 1 0,0-1 0,4-5 0,4-1-6702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07-22T14:44:21.824"/>
    </inkml:context>
    <inkml:brush xml:id="br0">
      <inkml:brushProperty name="width" value="0.05" units="cm"/>
      <inkml:brushProperty name="height" value="0.05" units="cm"/>
      <inkml:brushProperty name="color" value="#004F8B"/>
    </inkml:brush>
  </inkml:definitions>
  <inkml:trace contextRef="#ctx0" brushRef="#br0">318 0 24575,'-5'2'0,"0"1"0,0-1 0,1 1 0,-1 0 0,1 0 0,0 0 0,0 0 0,0 1 0,0-1 0,0 1 0,1 0 0,0 1 0,-5 7 0,-10 10 0,-44 35 0,39-38 0,1 2 0,0 0 0,2 2 0,0 0 0,2 1 0,-26 44 0,38-44 0,6-24 0,0 0 0,0 1 0,0-1 0,0 0 0,1 1 0,-1-1 0,0 0 0,0 0 0,0 0 0,1 1 0,-1-1 0,0 0 0,0 0 0,1 0 0,-1 1 0,0-1 0,1 0 0,-1 0 0,0 0 0,0 0 0,1 0 0,-1 0 0,0 0 0,1 0 0,-1 0 0,0 0 0,1 0 0,-1 0 0,0 0 0,1 0 0,-1 0 0,0 0 0,1 0 0,-1 0 0,0 0 0,1 0 0,3-2 0,0 0 0,0 0 0,0 0 0,-1 0 0,1 0 0,-1-1 0,1 1 0,2-4 0,25-27 0,35-47 0,3-4 0,-68 82 0,1 0 0,0 0 0,0 1 0,0-1 0,0 1 0,0-1 0,0 1 0,0 0 0,1 0 0,-1 0 0,0 0 0,1 0 0,-1 0 0,1 0 0,-1 1 0,1-1 0,-1 1 0,1 0 0,-1 0 0,1 0 0,-1 0 0,1 0 0,-1 1 0,1-1 0,-1 1 0,1 0 0,-1-1 0,0 1 0,1 0 0,-1 0 0,0 1 0,0-1 0,1 0 0,-1 1 0,0-1 0,0 1 0,-1 0 0,3 2 0,10 9 0,-1 1 0,-1 1 0,-1-1 0,12 20 0,-12-18 0,-1-1-103,96 127-1159,-96-130-5564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07-22T14:44:41.886"/>
    </inkml:context>
    <inkml:brush xml:id="br0">
      <inkml:brushProperty name="width" value="0.05" units="cm"/>
      <inkml:brushProperty name="height" value="0.05" units="cm"/>
      <inkml:brushProperty name="color" value="#004F8B"/>
    </inkml:brush>
  </inkml:definitions>
  <inkml:trace contextRef="#ctx0" brushRef="#br0">1 1 24575,'0'0'-8191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554672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00A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E55075C-F1C5-E6EC-0536-2091A69F45C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1849" y="180965"/>
            <a:ext cx="731520" cy="7315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0000A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pic>
        <p:nvPicPr>
          <p:cNvPr id="3" name="Picture 2" descr="Logo, company name&#10;&#10;Description automatically generated">
            <a:extLst>
              <a:ext uri="{FF2B5EF4-FFF2-40B4-BE49-F238E27FC236}">
                <a16:creationId xmlns:a16="http://schemas.microsoft.com/office/drawing/2014/main" id="{C7111226-A514-B228-CEEE-03A28458D43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74382" y="1408176"/>
            <a:ext cx="4041648" cy="40416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00A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00A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E60D20A7-8D3F-055D-3DF7-8BA7C64F438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074382" y="1408176"/>
            <a:ext cx="4041648" cy="40416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ítulo y objet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A1505599-C161-0D43-A036-722A09C9ABF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s-MX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2374E013-C58F-514C-8483-2D22599B8A7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Marcador de fecha 3">
            <a:extLst>
              <a:ext uri="{FF2B5EF4-FFF2-40B4-BE49-F238E27FC236}">
                <a16:creationId xmlns:a16="http://schemas.microsoft.com/office/drawing/2014/main" id="{D32B8999-B447-484E-BEDC-751712A7F5B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B7A1D-6706-8C46-8172-8CED75B11A60}" type="datetime1">
              <a:rPr lang="es-MX" smtClean="0"/>
              <a:t>15/08/2022</a:t>
            </a:fld>
            <a:endParaRPr lang="es-MX"/>
          </a:p>
        </p:txBody>
      </p:sp>
      <p:sp>
        <p:nvSpPr>
          <p:cNvPr id="5" name="Marcador de pie de página 4">
            <a:extLst>
              <a:ext uri="{FF2B5EF4-FFF2-40B4-BE49-F238E27FC236}">
                <a16:creationId xmlns:a16="http://schemas.microsoft.com/office/drawing/2014/main" id="{E3A258E1-6475-BF48-BBF6-F22E21FCEC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075" y="6356351"/>
            <a:ext cx="4114264" cy="365125"/>
          </a:xfrm>
          <a:prstGeom prst="rect">
            <a:avLst/>
          </a:prstGeom>
        </p:spPr>
        <p:txBody>
          <a:bodyPr/>
          <a:lstStyle/>
          <a:p>
            <a:endParaRPr lang="es-MX"/>
          </a:p>
        </p:txBody>
      </p:sp>
      <p:sp>
        <p:nvSpPr>
          <p:cNvPr id="6" name="Marcador de número de diapositiva 5">
            <a:extLst>
              <a:ext uri="{FF2B5EF4-FFF2-40B4-BE49-F238E27FC236}">
                <a16:creationId xmlns:a16="http://schemas.microsoft.com/office/drawing/2014/main" id="{25DE20FC-A321-3D4B-820C-D98E7C0026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D51725-938A-374B-AAC7-5D7ED71FB7E0}" type="slidenum">
              <a:rPr lang="es-MX" smtClean="0"/>
              <a:t>‹#›</a:t>
            </a:fld>
            <a:endParaRPr lang="es-MX"/>
          </a:p>
        </p:txBody>
      </p:sp>
    </p:spTree>
    <p:extLst>
      <p:ext uri="{BB962C8B-B14F-4D97-AF65-F5344CB8AC3E}">
        <p14:creationId xmlns:p14="http://schemas.microsoft.com/office/powerpoint/2010/main" val="255641678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image" Target="../media/image1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59391"/>
            <a:ext cx="12193200" cy="316800"/>
          </a:xfrm>
          <a:prstGeom prst="rect">
            <a:avLst/>
          </a:prstGeom>
          <a:solidFill>
            <a:srgbClr val="0000A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13676" name="text" descr="{&quot;templafy&quot;:{&quot;id&quot;:&quot;b1bbc462-e1d5-4868-9c87-bf382fa51339&quot;}}" title="UserProfile.Offices.Workarea_{{DocumentLanguage}}"/>
          <p:cNvSpPr>
            <a:spLocks noChangeArrowheads="1"/>
          </p:cNvSpPr>
          <p:nvPr/>
        </p:nvSpPr>
        <p:spPr bwMode="auto">
          <a:xfrm>
            <a:off x="76190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Tecnológico de Monterrey</a:t>
            </a:r>
          </a:p>
        </p:txBody>
      </p:sp>
      <p:sp>
        <p:nvSpPr>
          <p:cNvPr id="7" name="text" descr="{&quot;templafy&quot;:{&quot;id&quot;:&quot;299c2bdf-8e40-4d60-b65e-d3b387672b96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00A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8" name="Picture 7" descr="Logo, company name&#10;&#10;Description automatically generated">
            <a:extLst>
              <a:ext uri="{FF2B5EF4-FFF2-40B4-BE49-F238E27FC236}">
                <a16:creationId xmlns:a16="http://schemas.microsoft.com/office/drawing/2014/main" id="{BCE8D1B1-90B7-AD75-73E5-A75A0801BC75}"/>
              </a:ext>
            </a:extLst>
          </p:cNvPr>
          <p:cNvPicPr>
            <a:picLocks noChangeAspect="1"/>
          </p:cNvPicPr>
          <p:nvPr userDrawn="1"/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849" y="180965"/>
            <a:ext cx="731520" cy="7315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79" r:id="rId9"/>
    <p:sldLayoutId id="2147483668" r:id="rId10"/>
    <p:sldLayoutId id="2147483680" r:id="rId11"/>
    <p:sldLayoutId id="2147483678" r:id="rId12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6.xml"/><Relationship Id="rId2" Type="http://schemas.openxmlformats.org/officeDocument/2006/relationships/diagramData" Target="../diagrams/data6.xml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6.xml"/><Relationship Id="rId5" Type="http://schemas.openxmlformats.org/officeDocument/2006/relationships/diagramColors" Target="../diagrams/colors6.xml"/><Relationship Id="rId4" Type="http://schemas.openxmlformats.org/officeDocument/2006/relationships/diagramQuickStyle" Target="../diagrams/quickStyle6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microsoft.com/office/2014/relationships/chartEx" Target="../charts/chartEx1.xml"/><Relationship Id="rId1" Type="http://schemas.openxmlformats.org/officeDocument/2006/relationships/slideLayout" Target="../slideLayouts/slideLayout3.xml"/><Relationship Id="rId5" Type="http://schemas.openxmlformats.org/officeDocument/2006/relationships/chart" Target="../charts/chart2.xml"/><Relationship Id="rId4" Type="http://schemas.openxmlformats.org/officeDocument/2006/relationships/chart" Target="../charts/chart1.xml"/></Relationships>
</file>

<file path=ppt/slides/_rels/slide12.xml.rels><?xml version="1.0" encoding="UTF-8" standalone="yes"?>
<Relationships xmlns="http://schemas.openxmlformats.org/package/2006/relationships"><Relationship Id="rId8" Type="http://schemas.microsoft.com/office/2007/relationships/diagramDrawing" Target="../diagrams/drawing7.xml"/><Relationship Id="rId3" Type="http://schemas.openxmlformats.org/officeDocument/2006/relationships/image" Target="../media/image20.png"/><Relationship Id="rId7" Type="http://schemas.openxmlformats.org/officeDocument/2006/relationships/diagramColors" Target="../diagrams/colors7.xml"/><Relationship Id="rId12" Type="http://schemas.openxmlformats.org/officeDocument/2006/relationships/image" Target="../media/image22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5.xml"/><Relationship Id="rId6" Type="http://schemas.openxmlformats.org/officeDocument/2006/relationships/diagramQuickStyle" Target="../diagrams/quickStyle7.xml"/><Relationship Id="rId11" Type="http://schemas.openxmlformats.org/officeDocument/2006/relationships/hyperlink" Target="https://www.digikey.com.mx/es/products/detail/microchip-technology/DM164150/11586705?s=N4IgTCBcDaICIFkCMA2ALEgrABhAXQF8g" TargetMode="External"/><Relationship Id="rId5" Type="http://schemas.openxmlformats.org/officeDocument/2006/relationships/diagramLayout" Target="../diagrams/layout7.xml"/><Relationship Id="rId10" Type="http://schemas.openxmlformats.org/officeDocument/2006/relationships/image" Target="../media/image21.png"/><Relationship Id="rId4" Type="http://schemas.openxmlformats.org/officeDocument/2006/relationships/diagramData" Target="../diagrams/data7.xml"/><Relationship Id="rId9" Type="http://schemas.openxmlformats.org/officeDocument/2006/relationships/hyperlink" Target="https://www.mouser.mx/ProductDetail/Microchip-Technology-Atmel/DM164150?qs=vHuUswq2%252Bsy4yyBvH%252B6TNw%3D%3D" TargetMode="Externa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8.xml"/><Relationship Id="rId2" Type="http://schemas.openxmlformats.org/officeDocument/2006/relationships/diagramData" Target="../diagrams/data8.xml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8.xml"/><Relationship Id="rId5" Type="http://schemas.openxmlformats.org/officeDocument/2006/relationships/diagramColors" Target="../diagrams/colors8.xml"/><Relationship Id="rId4" Type="http://schemas.openxmlformats.org/officeDocument/2006/relationships/diagramQuickStyle" Target="../diagrams/quickStyle8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3" Type="http://schemas.openxmlformats.org/officeDocument/2006/relationships/diagramLayout" Target="../diagrams/layout9.xml"/><Relationship Id="rId7" Type="http://schemas.openxmlformats.org/officeDocument/2006/relationships/hyperlink" Target="https://www.microchip.com/en-us/tools-resources/develop/mplab-xc-compilers" TargetMode="External"/><Relationship Id="rId2" Type="http://schemas.openxmlformats.org/officeDocument/2006/relationships/diagramData" Target="../diagrams/data9.xml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9.xml"/><Relationship Id="rId5" Type="http://schemas.openxmlformats.org/officeDocument/2006/relationships/diagramColors" Target="../diagrams/colors9.xml"/><Relationship Id="rId10" Type="http://schemas.openxmlformats.org/officeDocument/2006/relationships/image" Target="../media/image29.png"/><Relationship Id="rId4" Type="http://schemas.openxmlformats.org/officeDocument/2006/relationships/diagramQuickStyle" Target="../diagrams/quickStyle9.xml"/><Relationship Id="rId9" Type="http://schemas.openxmlformats.org/officeDocument/2006/relationships/hyperlink" Target="https://www.mplab-xpresside.microchip.com/dashboard" TargetMode="Externa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png"/><Relationship Id="rId3" Type="http://schemas.openxmlformats.org/officeDocument/2006/relationships/image" Target="../media/image31.jpeg"/><Relationship Id="rId7" Type="http://schemas.openxmlformats.org/officeDocument/2006/relationships/customXml" Target="../ink/ink1.xml"/><Relationship Id="rId12" Type="http://schemas.openxmlformats.org/officeDocument/2006/relationships/image" Target="../media/image37.png"/><Relationship Id="rId2" Type="http://schemas.openxmlformats.org/officeDocument/2006/relationships/image" Target="../media/image30.jpe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4.png"/><Relationship Id="rId11" Type="http://schemas.openxmlformats.org/officeDocument/2006/relationships/customXml" Target="../ink/ink3.xml"/><Relationship Id="rId5" Type="http://schemas.openxmlformats.org/officeDocument/2006/relationships/image" Target="../media/image33.jpeg"/><Relationship Id="rId10" Type="http://schemas.openxmlformats.org/officeDocument/2006/relationships/image" Target="../media/image36.png"/><Relationship Id="rId4" Type="http://schemas.openxmlformats.org/officeDocument/2006/relationships/image" Target="../media/image32.jpeg"/><Relationship Id="rId9" Type="http://schemas.openxmlformats.org/officeDocument/2006/relationships/customXml" Target="../ink/ink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41.png"/><Relationship Id="rId4" Type="http://schemas.openxmlformats.org/officeDocument/2006/relationships/image" Target="../media/image40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45.png"/><Relationship Id="rId4" Type="http://schemas.openxmlformats.org/officeDocument/2006/relationships/image" Target="../media/image44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49.png"/><Relationship Id="rId4" Type="http://schemas.openxmlformats.org/officeDocument/2006/relationships/image" Target="../media/image48.png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0.xml"/><Relationship Id="rId2" Type="http://schemas.openxmlformats.org/officeDocument/2006/relationships/diagramData" Target="../diagrams/data10.xml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10.xml"/><Relationship Id="rId5" Type="http://schemas.openxmlformats.org/officeDocument/2006/relationships/diagramColors" Target="../diagrams/colors10.xml"/><Relationship Id="rId4" Type="http://schemas.openxmlformats.org/officeDocument/2006/relationships/diagramQuickStyle" Target="../diagrams/quickStyle10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1.xml"/><Relationship Id="rId2" Type="http://schemas.openxmlformats.org/officeDocument/2006/relationships/diagramData" Target="../diagrams/data11.xml"/><Relationship Id="rId1" Type="http://schemas.openxmlformats.org/officeDocument/2006/relationships/slideLayout" Target="../slideLayouts/slideLayout12.xml"/><Relationship Id="rId6" Type="http://schemas.microsoft.com/office/2007/relationships/diagramDrawing" Target="../diagrams/drawing11.xml"/><Relationship Id="rId5" Type="http://schemas.openxmlformats.org/officeDocument/2006/relationships/diagramColors" Target="../diagrams/colors11.xml"/><Relationship Id="rId4" Type="http://schemas.openxmlformats.org/officeDocument/2006/relationships/diagramQuickStyle" Target="../diagrams/quickStyle11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5.jpeg"/><Relationship Id="rId2" Type="http://schemas.openxmlformats.org/officeDocument/2006/relationships/slideLayout" Target="../slideLayouts/slideLayout9.xml"/><Relationship Id="rId1" Type="http://schemas.openxmlformats.org/officeDocument/2006/relationships/video" Target="https://www.youtube.com/embed/d9SWNLZvA8g?feature=oembed" TargetMode="Externa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jpeg"/><Relationship Id="rId2" Type="http://schemas.openxmlformats.org/officeDocument/2006/relationships/image" Target="../media/image56.jpe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58.jpeg"/><Relationship Id="rId4" Type="http://schemas.openxmlformats.org/officeDocument/2006/relationships/image" Target="../media/image57.png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9.png"/><Relationship Id="rId1" Type="http://schemas.openxmlformats.org/officeDocument/2006/relationships/slideLayout" Target="../slideLayouts/slideLayout8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hyperlink" Target="https://youtu.be/5BpgAHBZgec" TargetMode="External"/><Relationship Id="rId2" Type="http://schemas.openxmlformats.org/officeDocument/2006/relationships/slideLayout" Target="../slideLayouts/slideLayout8.xml"/><Relationship Id="rId1" Type="http://schemas.openxmlformats.org/officeDocument/2006/relationships/video" Target="https://www.youtube.com/embed/5BpgAHBZgec?feature=oembed" TargetMode="External"/><Relationship Id="rId4" Type="http://schemas.openxmlformats.org/officeDocument/2006/relationships/image" Target="../media/image60.jpeg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2.xml"/><Relationship Id="rId2" Type="http://schemas.openxmlformats.org/officeDocument/2006/relationships/diagramData" Target="../diagrams/data12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12.xml"/><Relationship Id="rId5" Type="http://schemas.openxmlformats.org/officeDocument/2006/relationships/diagramColors" Target="../diagrams/colors12.xml"/><Relationship Id="rId4" Type="http://schemas.openxmlformats.org/officeDocument/2006/relationships/diagramQuickStyle" Target="../diagrams/quickStyle1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2.png"/><Relationship Id="rId2" Type="http://schemas.openxmlformats.org/officeDocument/2006/relationships/image" Target="../media/image61.png"/><Relationship Id="rId1" Type="http://schemas.openxmlformats.org/officeDocument/2006/relationships/slideLayout" Target="../slideLayouts/slideLayout8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eg"/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diagramLayout" Target="../diagrams/layout5.xml"/><Relationship Id="rId3" Type="http://schemas.openxmlformats.org/officeDocument/2006/relationships/diagramLayout" Target="../diagrams/layout4.xml"/><Relationship Id="rId7" Type="http://schemas.openxmlformats.org/officeDocument/2006/relationships/diagramData" Target="../diagrams/data5.xml"/><Relationship Id="rId2" Type="http://schemas.openxmlformats.org/officeDocument/2006/relationships/diagramData" Target="../diagrams/data4.xml"/><Relationship Id="rId1" Type="http://schemas.openxmlformats.org/officeDocument/2006/relationships/slideLayout" Target="../slideLayouts/slideLayout4.xml"/><Relationship Id="rId6" Type="http://schemas.microsoft.com/office/2007/relationships/diagramDrawing" Target="../diagrams/drawing4.xml"/><Relationship Id="rId11" Type="http://schemas.microsoft.com/office/2007/relationships/diagramDrawing" Target="../diagrams/drawing5.xml"/><Relationship Id="rId5" Type="http://schemas.openxmlformats.org/officeDocument/2006/relationships/diagramColors" Target="../diagrams/colors4.xml"/><Relationship Id="rId10" Type="http://schemas.openxmlformats.org/officeDocument/2006/relationships/diagramColors" Target="../diagrams/colors5.xml"/><Relationship Id="rId4" Type="http://schemas.openxmlformats.org/officeDocument/2006/relationships/diagramQuickStyle" Target="../diagrams/quickStyle4.xml"/><Relationship Id="rId9" Type="http://schemas.openxmlformats.org/officeDocument/2006/relationships/diagramQuickStyle" Target="../diagrams/quickStyle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DD15D5-2E59-82A7-B385-521981259F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ASS TOPICS</a:t>
            </a:r>
            <a:endParaRPr lang="LID4096"/>
          </a:p>
        </p:txBody>
      </p:sp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E6E15600-74A8-F277-E01E-E51C4A73B16A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348403355"/>
              </p:ext>
            </p:extLst>
          </p:nvPr>
        </p:nvGraphicFramePr>
        <p:xfrm>
          <a:off x="1774825" y="1706563"/>
          <a:ext cx="9312275" cy="454501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707446-19F1-7BB7-ED98-A6CBE346F6D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622696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54AF55A0-ABCB-CBDA-2075-78A33634A6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ASS ACTIVITIES</a:t>
            </a:r>
            <a:endParaRPr lang="LID4096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AC3EB6C-BA89-F61D-FBDC-11BDFA9A6D7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41" name="Content Placeholder 40">
                <a:extLst>
                  <a:ext uri="{FF2B5EF4-FFF2-40B4-BE49-F238E27FC236}">
                    <a16:creationId xmlns:a16="http://schemas.microsoft.com/office/drawing/2014/main" id="{D2C6990F-7527-412E-8913-829FC124A922}"/>
                  </a:ext>
                </a:extLst>
              </p:cNvPr>
              <p:cNvGraphicFramePr>
                <a:graphicFrameLocks noGrp="1"/>
              </p:cNvGraphicFramePr>
              <p:nvPr>
                <p:ph idx="1"/>
                <p:extLst>
                  <p:ext uri="{D42A27DB-BD31-4B8C-83A1-F6EECF244321}">
                    <p14:modId xmlns:p14="http://schemas.microsoft.com/office/powerpoint/2010/main" val="3072457067"/>
                  </p:ext>
                </p:extLst>
              </p:nvPr>
            </p:nvGraphicFramePr>
            <p:xfrm>
              <a:off x="262559" y="1592796"/>
              <a:ext cx="8136903" cy="4545012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2"/>
              </a:graphicData>
            </a:graphic>
          </p:graphicFrame>
        </mc:Choice>
        <mc:Fallback xmlns="">
          <p:pic>
            <p:nvPicPr>
              <p:cNvPr id="41" name="Content Placeholder 40">
                <a:extLst>
                  <a:ext uri="{FF2B5EF4-FFF2-40B4-BE49-F238E27FC236}">
                    <a16:creationId xmlns:a16="http://schemas.microsoft.com/office/drawing/2014/main" id="{D2C6990F-7527-412E-8913-829FC124A922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262559" y="1592796"/>
                <a:ext cx="8136903" cy="4545012"/>
              </a:xfrm>
              <a:prstGeom prst="rect">
                <a:avLst/>
              </a:prstGeom>
            </p:spPr>
          </p:pic>
        </mc:Fallback>
      </mc:AlternateContent>
      <p:graphicFrame>
        <p:nvGraphicFramePr>
          <p:cNvPr id="46" name="Chart 45">
            <a:extLst>
              <a:ext uri="{FF2B5EF4-FFF2-40B4-BE49-F238E27FC236}">
                <a16:creationId xmlns:a16="http://schemas.microsoft.com/office/drawing/2014/main" id="{F340B764-874C-2990-B8EA-46D244F58BF2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573220344"/>
              </p:ext>
            </p:extLst>
          </p:nvPr>
        </p:nvGraphicFramePr>
        <p:xfrm>
          <a:off x="8527121" y="1992832"/>
          <a:ext cx="3394907" cy="202381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47" name="Chart 46">
            <a:extLst>
              <a:ext uri="{FF2B5EF4-FFF2-40B4-BE49-F238E27FC236}">
                <a16:creationId xmlns:a16="http://schemas.microsoft.com/office/drawing/2014/main" id="{E940DF30-E34E-E50E-E167-AC138B52576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717624065"/>
              </p:ext>
            </p:extLst>
          </p:nvPr>
        </p:nvGraphicFramePr>
        <p:xfrm>
          <a:off x="8532947" y="4114648"/>
          <a:ext cx="3394907" cy="202381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</p:spTree>
    <p:extLst>
      <p:ext uri="{BB962C8B-B14F-4D97-AF65-F5344CB8AC3E}">
        <p14:creationId xmlns:p14="http://schemas.microsoft.com/office/powerpoint/2010/main" val="358646080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4D590D2C-CB7C-9EFA-A0F0-D12A837C53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LABORATORY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6C9030-6FBC-057F-3CCE-8C54FA97E61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graphicFrame>
        <p:nvGraphicFramePr>
          <p:cNvPr id="150" name="Content Placeholder 5">
            <a:extLst>
              <a:ext uri="{FF2B5EF4-FFF2-40B4-BE49-F238E27FC236}">
                <a16:creationId xmlns:a16="http://schemas.microsoft.com/office/drawing/2014/main" id="{DAE658D6-48D0-ADEB-AE85-52CD04BD8D79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0241200"/>
              </p:ext>
            </p:extLst>
          </p:nvPr>
        </p:nvGraphicFramePr>
        <p:xfrm>
          <a:off x="3682938" y="1880828"/>
          <a:ext cx="4536504" cy="4298110"/>
        </p:xfrm>
        <a:graphic>
          <a:graphicData uri="http://schemas.openxmlformats.org/drawingml/2006/table">
            <a:tbl>
              <a:tblPr>
                <a:tableStyleId>{E929F9F4-4A8F-4326-A1B4-22849713DDAB}</a:tableStyleId>
              </a:tblPr>
              <a:tblGrid>
                <a:gridCol w="475740">
                  <a:extLst>
                    <a:ext uri="{9D8B030D-6E8A-4147-A177-3AD203B41FA5}">
                      <a16:colId xmlns:a16="http://schemas.microsoft.com/office/drawing/2014/main" val="2798233456"/>
                    </a:ext>
                  </a:extLst>
                </a:gridCol>
                <a:gridCol w="710180">
                  <a:extLst>
                    <a:ext uri="{9D8B030D-6E8A-4147-A177-3AD203B41FA5}">
                      <a16:colId xmlns:a16="http://schemas.microsoft.com/office/drawing/2014/main" val="3039477216"/>
                    </a:ext>
                  </a:extLst>
                </a:gridCol>
                <a:gridCol w="694551">
                  <a:extLst>
                    <a:ext uri="{9D8B030D-6E8A-4147-A177-3AD203B41FA5}">
                      <a16:colId xmlns:a16="http://schemas.microsoft.com/office/drawing/2014/main" val="12809090"/>
                    </a:ext>
                  </a:extLst>
                </a:gridCol>
                <a:gridCol w="2656033">
                  <a:extLst>
                    <a:ext uri="{9D8B030D-6E8A-4147-A177-3AD203B41FA5}">
                      <a16:colId xmlns:a16="http://schemas.microsoft.com/office/drawing/2014/main" val="924606250"/>
                    </a:ext>
                  </a:extLst>
                </a:gridCol>
              </a:tblGrid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1" u="none" strike="noStrike">
                          <a:solidFill>
                            <a:srgbClr val="FFFFFF"/>
                          </a:solidFill>
                          <a:effectLst/>
                        </a:rPr>
                        <a:t>WEEK</a:t>
                      </a:r>
                      <a:endParaRPr lang="en-US" sz="900" b="1" i="0" u="none" strike="noStrike">
                        <a:solidFill>
                          <a:srgbClr val="FFFFFF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1" u="none" strike="noStrike">
                          <a:solidFill>
                            <a:srgbClr val="FFFFFF"/>
                          </a:solidFill>
                          <a:effectLst/>
                        </a:rPr>
                        <a:t>DATE</a:t>
                      </a:r>
                      <a:endParaRPr lang="en-US" sz="900" b="1" i="0" u="none" strike="noStrike">
                        <a:solidFill>
                          <a:srgbClr val="FFFFFF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1" u="none" strike="noStrike">
                          <a:solidFill>
                            <a:srgbClr val="FFFFFF"/>
                          </a:solidFill>
                          <a:effectLst/>
                        </a:rPr>
                        <a:t>ACTIVITY</a:t>
                      </a:r>
                      <a:endParaRPr lang="en-US" sz="900" b="1" i="0" u="none" strike="noStrike">
                        <a:solidFill>
                          <a:srgbClr val="FFFFFF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1" u="none" strike="noStrike">
                          <a:solidFill>
                            <a:srgbClr val="FFFFFF"/>
                          </a:solidFill>
                          <a:effectLst/>
                        </a:rPr>
                        <a:t>DESCRIPTION</a:t>
                      </a:r>
                      <a:endParaRPr lang="en-US" sz="900" b="1" i="0" u="none" strike="noStrike">
                        <a:solidFill>
                          <a:srgbClr val="FFFFFF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528757881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08-Aug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 err="1">
                          <a:solidFill>
                            <a:schemeClr val="bg1"/>
                          </a:solidFill>
                          <a:effectLst/>
                        </a:rPr>
                        <a:t>LB1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Hardware design: schematic capture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245453255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5-Aug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LB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Hardware design: physical layout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124622728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3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22-Aug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LB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Hardware design: physical layout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4134918235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4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29-Aug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LB3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Introduction to MPLAB and PIC18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595118371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5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05-Sep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LB4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Assembly programming of PIC18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3840720379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6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2-Sep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 err="1">
                          <a:solidFill>
                            <a:schemeClr val="bg1"/>
                          </a:solidFill>
                          <a:effectLst/>
                        </a:rPr>
                        <a:t>LB4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Assembly programming of PIC18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4268594293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7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9-Sep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LB5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High-level programming of PIC18 with C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799118576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8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26-Sep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 err="1">
                          <a:solidFill>
                            <a:schemeClr val="bg1"/>
                          </a:solidFill>
                          <a:effectLst/>
                        </a:rPr>
                        <a:t>LB5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High-level programming of PIC18 with C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320211324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9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03-Oct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LB6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GPIO: LCD display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710581308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0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0-Oct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 err="1">
                          <a:solidFill>
                            <a:schemeClr val="bg1"/>
                          </a:solidFill>
                          <a:effectLst/>
                        </a:rPr>
                        <a:t>LB7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GPIO: 4x4 keypad and 7-segment display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4083587432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1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7-Oct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LB8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Hardware interrupts and </a:t>
                      </a:r>
                      <a:r>
                        <a:rPr lang="en-US" sz="900" b="0" u="none" strike="noStrike" err="1">
                          <a:solidFill>
                            <a:schemeClr val="bg1"/>
                          </a:solidFill>
                          <a:effectLst/>
                        </a:rPr>
                        <a:t>ISR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4208682584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24-Oct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LB8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Hardware interrupts and </a:t>
                      </a:r>
                      <a:r>
                        <a:rPr lang="en-US" sz="900" b="0" u="none" strike="noStrike" err="1">
                          <a:solidFill>
                            <a:schemeClr val="bg1"/>
                          </a:solidFill>
                          <a:effectLst/>
                        </a:rPr>
                        <a:t>ISR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976375310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3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31-Oct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LB9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Timers, comparators and </a:t>
                      </a:r>
                      <a:r>
                        <a:rPr lang="en-US" sz="900" b="0" u="none" strike="noStrike" err="1">
                          <a:solidFill>
                            <a:schemeClr val="bg1"/>
                          </a:solidFill>
                          <a:effectLst/>
                        </a:rPr>
                        <a:t>PWM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1395994307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4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07-Nov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LB10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Analog inputs for microcontrollers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3610989174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5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4-Nov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 err="1">
                          <a:solidFill>
                            <a:schemeClr val="bg1"/>
                          </a:solidFill>
                          <a:effectLst/>
                        </a:rPr>
                        <a:t>LB11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Asynchronous serial communications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258176381"/>
                  </a:ext>
                </a:extLst>
              </a:tr>
              <a:tr h="252830"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16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21-Nov-22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u="none" strike="noStrike">
                          <a:solidFill>
                            <a:schemeClr val="bg1"/>
                          </a:solidFill>
                          <a:effectLst/>
                        </a:rPr>
                        <a:t>HOLIDAY</a:t>
                      </a:r>
                      <a:endParaRPr lang="en-US" sz="900" b="0" i="0" u="none" strike="noStrike">
                        <a:solidFill>
                          <a:schemeClr val="bg1"/>
                        </a:solidFill>
                        <a:effectLst/>
                        <a:latin typeface="+mn-lt"/>
                      </a:endParaRPr>
                    </a:p>
                  </a:txBody>
                  <a:tcPr marL="9137" marR="9137" marT="9137" marB="43857" anchor="ctr"/>
                </a:tc>
                <a:extLst>
                  <a:ext uri="{0D108BD9-81ED-4DB2-BD59-A6C34878D82A}">
                    <a16:rowId xmlns:a16="http://schemas.microsoft.com/office/drawing/2014/main" val="4289044813"/>
                  </a:ext>
                </a:extLst>
              </a:tr>
            </a:tbl>
          </a:graphicData>
        </a:graphic>
      </p:graphicFrame>
      <p:pic>
        <p:nvPicPr>
          <p:cNvPr id="21" name="Picture Placeholder 20">
            <a:extLst>
              <a:ext uri="{FF2B5EF4-FFF2-40B4-BE49-F238E27FC236}">
                <a16:creationId xmlns:a16="http://schemas.microsoft.com/office/drawing/2014/main" id="{153B8008-D68A-A97D-0C4C-F763DAF92B43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2"/>
          <a:srcRect l="211" r="211"/>
          <a:stretch>
            <a:fillRect/>
          </a:stretch>
        </p:blipFill>
        <p:spPr>
          <a:xfrm>
            <a:off x="8331213" y="1847460"/>
            <a:ext cx="3859200" cy="2505600"/>
          </a:xfrm>
          <a:prstGeom prst="rect">
            <a:avLst/>
          </a:prstGeom>
        </p:spPr>
      </p:pic>
      <p:pic>
        <p:nvPicPr>
          <p:cNvPr id="23" name="Picture Placeholder 22">
            <a:extLst>
              <a:ext uri="{FF2B5EF4-FFF2-40B4-BE49-F238E27FC236}">
                <a16:creationId xmlns:a16="http://schemas.microsoft.com/office/drawing/2014/main" id="{D77DB9C9-D06E-AA18-7B0F-E0BBF9FE4DBF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3"/>
          <a:srcRect l="-18713" t="1375" r="1" b="3306"/>
          <a:stretch/>
        </p:blipFill>
        <p:spPr>
          <a:xfrm>
            <a:off x="8219442" y="3825044"/>
            <a:ext cx="3859200" cy="2505600"/>
          </a:xfrm>
          <a:prstGeom prst="rect">
            <a:avLst/>
          </a:prstGeom>
        </p:spPr>
      </p:pic>
      <p:graphicFrame>
        <p:nvGraphicFramePr>
          <p:cNvPr id="24" name="Diagram 23">
            <a:extLst>
              <a:ext uri="{FF2B5EF4-FFF2-40B4-BE49-F238E27FC236}">
                <a16:creationId xmlns:a16="http://schemas.microsoft.com/office/drawing/2014/main" id="{F5C66420-C7C7-5973-F17E-4451D1546CC0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141043514"/>
              </p:ext>
            </p:extLst>
          </p:nvPr>
        </p:nvGraphicFramePr>
        <p:xfrm>
          <a:off x="298562" y="1880828"/>
          <a:ext cx="3168352" cy="429811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pic>
        <p:nvPicPr>
          <p:cNvPr id="1026" name="Picture 2" descr="Trademark Guidelines | Mouser">
            <a:hlinkClick r:id="rId9"/>
            <a:extLst>
              <a:ext uri="{FF2B5EF4-FFF2-40B4-BE49-F238E27FC236}">
                <a16:creationId xmlns:a16="http://schemas.microsoft.com/office/drawing/2014/main" id="{D50BB1BE-8825-FC85-7D77-B564BAFF66C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673" b="21179"/>
          <a:stretch/>
        </p:blipFill>
        <p:spPr bwMode="auto">
          <a:xfrm>
            <a:off x="8490153" y="1033626"/>
            <a:ext cx="1925534" cy="67179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DigiKey Electronics Denmark - Electronic Components Distributor">
            <a:hlinkClick r:id="rId11"/>
            <a:extLst>
              <a:ext uri="{FF2B5EF4-FFF2-40B4-BE49-F238E27FC236}">
                <a16:creationId xmlns:a16="http://schemas.microsoft.com/office/drawing/2014/main" id="{1085CD7A-7B13-470A-31C4-83F0D09B5F9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13730" y="1015652"/>
            <a:ext cx="1319225" cy="7077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21786802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33DBF8-F242-73F5-E177-FE52F1459A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LABORATORY</a:t>
            </a:r>
            <a:endParaRPr lang="LID4096"/>
          </a:p>
        </p:txBody>
      </p:sp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C63E067C-723D-B83C-6EC9-5BC0535EB8D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976151669"/>
              </p:ext>
            </p:extLst>
          </p:nvPr>
        </p:nvGraphicFramePr>
        <p:xfrm>
          <a:off x="1774726" y="1706328"/>
          <a:ext cx="9312374" cy="454557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5C47AA-CC20-782B-CA8D-3686026338E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3513721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0D2E0D-CB1D-D4BF-E19C-9230A9891FF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54597" y="404664"/>
            <a:ext cx="9312374" cy="972716"/>
          </a:xfrm>
        </p:spPr>
        <p:txBody>
          <a:bodyPr/>
          <a:lstStyle/>
          <a:p>
            <a:r>
              <a:rPr lang="es-MX"/>
              <a:t>CLASS RESOURCES</a:t>
            </a:r>
            <a:endParaRPr lang="LID4096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115C3E4-E211-D687-1853-01512382D3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graphicFrame>
        <p:nvGraphicFramePr>
          <p:cNvPr id="12" name="Content Placeholder 7">
            <a:extLst>
              <a:ext uri="{FF2B5EF4-FFF2-40B4-BE49-F238E27FC236}">
                <a16:creationId xmlns:a16="http://schemas.microsoft.com/office/drawing/2014/main" id="{AA029C1D-CF1D-C06C-AEAA-D7A3FF9CED5E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959837249"/>
              </p:ext>
            </p:extLst>
          </p:nvPr>
        </p:nvGraphicFramePr>
        <p:xfrm>
          <a:off x="1774825" y="1706563"/>
          <a:ext cx="9312275" cy="454501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pic>
        <p:nvPicPr>
          <p:cNvPr id="16" name="Picture 2">
            <a:hlinkClick r:id="rId7"/>
            <a:extLst>
              <a:ext uri="{FF2B5EF4-FFF2-40B4-BE49-F238E27FC236}">
                <a16:creationId xmlns:a16="http://schemas.microsoft.com/office/drawing/2014/main" id="{8926031F-CAF9-EACF-3D44-7A3033F7058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30809" y="3979069"/>
            <a:ext cx="871246" cy="7064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7" name="Picture 4" descr="M">
            <a:hlinkClick r:id="rId9"/>
            <a:extLst>
              <a:ext uri="{FF2B5EF4-FFF2-40B4-BE49-F238E27FC236}">
                <a16:creationId xmlns:a16="http://schemas.microsoft.com/office/drawing/2014/main" id="{DA106800-4D93-9F71-6362-0F66C36D157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86006" y="4966776"/>
            <a:ext cx="760853" cy="7608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55625515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5E60C2E-F588-1077-B62D-818543F1ABB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The history of the microcomputer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A3BB1C5-66D0-4E5E-D740-62751870FBB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err="1"/>
              <a:t>TE2015</a:t>
            </a:r>
            <a:r>
              <a:rPr lang="en-US"/>
              <a:t> </a:t>
            </a:r>
            <a:r>
              <a:rPr lang="en-US" err="1"/>
              <a:t>Microcontroladores</a:t>
            </a:r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DA89785-5FB9-5775-131F-285F82795FD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1435132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3FAF46C-4190-4BD7-975F-7FF0320B5A8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0D51725-938A-374B-AAC7-5D7ED71FB7E0}" type="slidenum">
              <a:rPr lang="es-MX" smtClean="0"/>
              <a:t>16</a:t>
            </a:fld>
            <a:endParaRPr lang="es-MX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37D6C27F-1509-4A73-A0BE-401238589232}"/>
              </a:ext>
            </a:extLst>
          </p:cNvPr>
          <p:cNvSpPr/>
          <p:nvPr/>
        </p:nvSpPr>
        <p:spPr>
          <a:xfrm>
            <a:off x="-1" y="3337572"/>
            <a:ext cx="12190413" cy="182856"/>
          </a:xfrm>
          <a:prstGeom prst="rect">
            <a:avLst/>
          </a:prstGeom>
          <a:solidFill>
            <a:srgbClr val="0070C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/>
          </a:p>
        </p:txBody>
      </p:sp>
      <p:grpSp>
        <p:nvGrpSpPr>
          <p:cNvPr id="22" name="Group 21">
            <a:extLst>
              <a:ext uri="{FF2B5EF4-FFF2-40B4-BE49-F238E27FC236}">
                <a16:creationId xmlns:a16="http://schemas.microsoft.com/office/drawing/2014/main" id="{A3A7B9EE-1B9D-407E-A757-DAB7B90DE340}"/>
              </a:ext>
            </a:extLst>
          </p:cNvPr>
          <p:cNvGrpSpPr/>
          <p:nvPr/>
        </p:nvGrpSpPr>
        <p:grpSpPr>
          <a:xfrm>
            <a:off x="1418035" y="1394956"/>
            <a:ext cx="940655" cy="2504371"/>
            <a:chOff x="1418220" y="1394691"/>
            <a:chExt cx="940777" cy="2504697"/>
          </a:xfrm>
        </p:grpSpPr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80907912-D092-41CC-8D38-2D85E0A0EEC9}"/>
                </a:ext>
              </a:extLst>
            </p:cNvPr>
            <p:cNvSpPr/>
            <p:nvPr/>
          </p:nvSpPr>
          <p:spPr>
            <a:xfrm>
              <a:off x="1418220" y="2958611"/>
              <a:ext cx="940777" cy="940777"/>
            </a:xfrm>
            <a:prstGeom prst="ellipse">
              <a:avLst/>
            </a:prstGeom>
            <a:solidFill>
              <a:schemeClr val="bg1"/>
            </a:solidFill>
            <a:ln w="38100">
              <a:solidFill>
                <a:srgbClr val="9061C2"/>
              </a:solidFill>
            </a:ln>
            <a:effectLst>
              <a:glow rad="63500">
                <a:srgbClr val="9061C2">
                  <a:alpha val="40000"/>
                </a:srgbClr>
              </a:glo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s-MX" sz="1600">
                  <a:solidFill>
                    <a:srgbClr val="9061C2"/>
                  </a:solidFill>
                  <a:ea typeface="Roboto Light" panose="02000000000000000000" pitchFamily="2" charset="0"/>
                </a:rPr>
                <a:t>1948</a:t>
              </a:r>
              <a:endParaRPr lang="en-US" sz="1600">
                <a:solidFill>
                  <a:srgbClr val="9061C2"/>
                </a:solidFill>
                <a:ea typeface="Roboto Light" panose="02000000000000000000" pitchFamily="2" charset="0"/>
              </a:endParaRPr>
            </a:p>
          </p:txBody>
        </p:sp>
        <p:cxnSp>
          <p:nvCxnSpPr>
            <p:cNvPr id="8" name="Straight Connector 7">
              <a:extLst>
                <a:ext uri="{FF2B5EF4-FFF2-40B4-BE49-F238E27FC236}">
                  <a16:creationId xmlns:a16="http://schemas.microsoft.com/office/drawing/2014/main" id="{6C53B87E-6E45-4CCF-B4B8-EB610119EA3F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893449" y="1394691"/>
              <a:ext cx="0" cy="1563921"/>
            </a:xfrm>
            <a:prstGeom prst="line">
              <a:avLst/>
            </a:prstGeom>
            <a:ln w="38100">
              <a:solidFill>
                <a:srgbClr val="9061C2"/>
              </a:solidFill>
              <a:tailEnd type="oval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TextBox 8">
            <a:extLst>
              <a:ext uri="{FF2B5EF4-FFF2-40B4-BE49-F238E27FC236}">
                <a16:creationId xmlns:a16="http://schemas.microsoft.com/office/drawing/2014/main" id="{81B5BD22-899D-414E-88E0-CA6E0F329131}"/>
              </a:ext>
            </a:extLst>
          </p:cNvPr>
          <p:cNvSpPr txBox="1"/>
          <p:nvPr/>
        </p:nvSpPr>
        <p:spPr>
          <a:xfrm>
            <a:off x="529031" y="945394"/>
            <a:ext cx="2672178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s-MX" sz="1800">
                <a:solidFill>
                  <a:srgbClr val="9061C2"/>
                </a:solidFill>
                <a:latin typeface="+mn-lt"/>
                <a:ea typeface="Roboto Medium" panose="02000000000000000000" pitchFamily="2" charset="0"/>
              </a:rPr>
              <a:t>Invención del Transistor</a:t>
            </a:r>
            <a:endParaRPr lang="en-US" sz="1800">
              <a:solidFill>
                <a:srgbClr val="9061C2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C7B712F-7A52-4151-A701-EF0707899A16}"/>
              </a:ext>
            </a:extLst>
          </p:cNvPr>
          <p:cNvSpPr txBox="1"/>
          <p:nvPr/>
        </p:nvSpPr>
        <p:spPr>
          <a:xfrm>
            <a:off x="60395" y="1810537"/>
            <a:ext cx="1957838" cy="76944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Inventado</a:t>
            </a: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en</a:t>
            </a: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 Bells Lab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Hecho</a:t>
            </a: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 de </a:t>
            </a: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Germanio</a:t>
            </a:r>
            <a:endParaRPr lang="en-US" sz="1100">
              <a:solidFill>
                <a:srgbClr val="9061C2"/>
              </a:solidFill>
              <a:latin typeface="+mn-lt"/>
              <a:ea typeface="Roboto Light" panose="02000000000000000000" pitchFamily="2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Junta bipolar </a:t>
            </a: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tipo</a:t>
            </a: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NPN</a:t>
            </a:r>
            <a:endParaRPr lang="en-US" sz="1100">
              <a:solidFill>
                <a:srgbClr val="9061C2"/>
              </a:solidFill>
              <a:latin typeface="+mn-lt"/>
              <a:ea typeface="Roboto Light" panose="02000000000000000000" pitchFamily="2" charset="0"/>
            </a:endParaRPr>
          </a:p>
        </p:txBody>
      </p:sp>
      <p:pic>
        <p:nvPicPr>
          <p:cNvPr id="12" name="Picture 2" descr="The genesis of the transistor, the single greatest discovery in the last  100 years - ExtremeTech">
            <a:extLst>
              <a:ext uri="{FF2B5EF4-FFF2-40B4-BE49-F238E27FC236}">
                <a16:creationId xmlns:a16="http://schemas.microsoft.com/office/drawing/2014/main" id="{CA4D2470-B58B-451F-B844-3112B514FB1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14049" y="1582979"/>
            <a:ext cx="1075706" cy="1067371"/>
          </a:xfrm>
          <a:prstGeom prst="flowChartConnector">
            <a:avLst/>
          </a:prstGeom>
          <a:noFill/>
          <a:ln w="19050">
            <a:solidFill>
              <a:srgbClr val="9061C2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4" name="Picture 6">
            <a:extLst>
              <a:ext uri="{FF2B5EF4-FFF2-40B4-BE49-F238E27FC236}">
                <a16:creationId xmlns:a16="http://schemas.microsoft.com/office/drawing/2014/main" id="{C8D0D947-293B-4603-ACC9-1281A63851B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11287" y="4124045"/>
            <a:ext cx="2095227" cy="1114280"/>
          </a:xfrm>
          <a:prstGeom prst="flowChartAlternateProcess">
            <a:avLst/>
          </a:prstGeom>
          <a:noFill/>
          <a:ln w="19050">
            <a:solidFill>
              <a:srgbClr val="FF8800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0E7ECAD1-DD9B-42A4-B834-EB7398D81F00}"/>
              </a:ext>
            </a:extLst>
          </p:cNvPr>
          <p:cNvSpPr txBox="1"/>
          <p:nvPr/>
        </p:nvSpPr>
        <p:spPr>
          <a:xfrm>
            <a:off x="3437900" y="5526628"/>
            <a:ext cx="2258887" cy="64624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s-MX" sz="1800" err="1">
                <a:solidFill>
                  <a:srgbClr val="FF8800"/>
                </a:solidFill>
                <a:latin typeface="+mn-lt"/>
                <a:ea typeface="Roboto Medium" panose="02000000000000000000" pitchFamily="2" charset="0"/>
              </a:rPr>
              <a:t>Apollo</a:t>
            </a:r>
            <a:r>
              <a:rPr lang="es-MX" sz="1800">
                <a:solidFill>
                  <a:srgbClr val="FF8800"/>
                </a:solidFill>
                <a:latin typeface="+mn-lt"/>
                <a:ea typeface="Roboto Medium" panose="02000000000000000000" pitchFamily="2" charset="0"/>
              </a:rPr>
              <a:t> </a:t>
            </a:r>
            <a:r>
              <a:rPr lang="es-MX" sz="1800" err="1">
                <a:solidFill>
                  <a:srgbClr val="FF8800"/>
                </a:solidFill>
                <a:latin typeface="+mn-lt"/>
                <a:ea typeface="Roboto Medium" panose="02000000000000000000" pitchFamily="2" charset="0"/>
              </a:rPr>
              <a:t>guidance</a:t>
            </a:r>
            <a:r>
              <a:rPr lang="es-MX" sz="1800">
                <a:solidFill>
                  <a:srgbClr val="FF8800"/>
                </a:solidFill>
                <a:latin typeface="+mn-lt"/>
                <a:ea typeface="Roboto Medium" panose="02000000000000000000" pitchFamily="2" charset="0"/>
              </a:rPr>
              <a:t> </a:t>
            </a:r>
            <a:r>
              <a:rPr lang="es-MX" sz="1800" err="1">
                <a:solidFill>
                  <a:srgbClr val="FF8800"/>
                </a:solidFill>
                <a:latin typeface="+mn-lt"/>
                <a:ea typeface="Roboto Medium" panose="02000000000000000000" pitchFamily="2" charset="0"/>
              </a:rPr>
              <a:t>computer</a:t>
            </a:r>
            <a:endParaRPr lang="en-US" sz="1800">
              <a:solidFill>
                <a:srgbClr val="FF8800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8F6B261C-C69D-4E79-A600-63E85E2F5284}"/>
              </a:ext>
            </a:extLst>
          </p:cNvPr>
          <p:cNvSpPr txBox="1"/>
          <p:nvPr/>
        </p:nvSpPr>
        <p:spPr>
          <a:xfrm>
            <a:off x="2579933" y="4004069"/>
            <a:ext cx="1957838" cy="127727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100" b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16 Bi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Diseñada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en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el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MI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Usada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para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guía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,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navegación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y control del modulo lunar del Apollo 11. </a:t>
            </a: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9CECADE0-8F9A-465F-B179-E7F4EBDD5876}"/>
              </a:ext>
            </a:extLst>
          </p:cNvPr>
          <p:cNvSpPr/>
          <p:nvPr/>
        </p:nvSpPr>
        <p:spPr>
          <a:xfrm>
            <a:off x="4097018" y="2958673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FF8800"/>
            </a:solidFill>
          </a:ln>
          <a:effectLst>
            <a:glow rad="63500">
              <a:srgbClr val="FF8800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FF8800"/>
                </a:solidFill>
                <a:ea typeface="Roboto Light" panose="02000000000000000000" pitchFamily="2" charset="0"/>
              </a:rPr>
              <a:t>1966</a:t>
            </a:r>
            <a:endParaRPr lang="en-US" sz="1600">
              <a:solidFill>
                <a:srgbClr val="FF8800"/>
              </a:solidFill>
              <a:ea typeface="Roboto Light" panose="02000000000000000000" pitchFamily="2" charset="0"/>
            </a:endParaRP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AF612BAA-BFB9-4563-9FF7-B5F88BE18F00}"/>
              </a:ext>
            </a:extLst>
          </p:cNvPr>
          <p:cNvCxnSpPr>
            <a:cxnSpLocks/>
          </p:cNvCxnSpPr>
          <p:nvPr/>
        </p:nvCxnSpPr>
        <p:spPr>
          <a:xfrm>
            <a:off x="4567344" y="3899327"/>
            <a:ext cx="0" cy="1563717"/>
          </a:xfrm>
          <a:prstGeom prst="line">
            <a:avLst/>
          </a:prstGeom>
          <a:ln w="38100">
            <a:solidFill>
              <a:srgbClr val="FF8800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4" name="Picture 2">
            <a:extLst>
              <a:ext uri="{FF2B5EF4-FFF2-40B4-BE49-F238E27FC236}">
                <a16:creationId xmlns:a16="http://schemas.microsoft.com/office/drawing/2014/main" id="{BCFBFF97-EA01-425E-8D5F-1931C731316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96289" y="1667658"/>
            <a:ext cx="1666333" cy="1110888"/>
          </a:xfrm>
          <a:prstGeom prst="flowChartAlternateProcess">
            <a:avLst/>
          </a:prstGeom>
          <a:noFill/>
          <a:ln w="19050">
            <a:solidFill>
              <a:srgbClr val="00B050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Oval 25">
            <a:extLst>
              <a:ext uri="{FF2B5EF4-FFF2-40B4-BE49-F238E27FC236}">
                <a16:creationId xmlns:a16="http://schemas.microsoft.com/office/drawing/2014/main" id="{5DBE005D-AD26-47A0-ADFF-87271B3F351D}"/>
              </a:ext>
            </a:extLst>
          </p:cNvPr>
          <p:cNvSpPr/>
          <p:nvPr/>
        </p:nvSpPr>
        <p:spPr>
          <a:xfrm>
            <a:off x="6905844" y="2960057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00B050"/>
            </a:solidFill>
          </a:ln>
          <a:effectLst>
            <a:glow rad="63500">
              <a:srgbClr val="00B050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00B050"/>
                </a:solidFill>
                <a:ea typeface="Roboto Light" panose="02000000000000000000" pitchFamily="2" charset="0"/>
              </a:rPr>
              <a:t>1971</a:t>
            </a:r>
            <a:endParaRPr lang="en-US" sz="1600">
              <a:solidFill>
                <a:srgbClr val="00B050"/>
              </a:solidFill>
              <a:ea typeface="Roboto Light" panose="02000000000000000000" pitchFamily="2" charset="0"/>
            </a:endParaRPr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1F893D87-A6B2-4206-BECB-7495EE36F386}"/>
              </a:ext>
            </a:extLst>
          </p:cNvPr>
          <p:cNvCxnSpPr>
            <a:cxnSpLocks/>
          </p:cNvCxnSpPr>
          <p:nvPr/>
        </p:nvCxnSpPr>
        <p:spPr>
          <a:xfrm flipV="1">
            <a:off x="7381011" y="1396341"/>
            <a:ext cx="0" cy="1563717"/>
          </a:xfrm>
          <a:prstGeom prst="line">
            <a:avLst/>
          </a:prstGeom>
          <a:ln w="38100">
            <a:solidFill>
              <a:srgbClr val="00B050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7E199668-9BCB-4803-B156-8A7C76EDA5EA}"/>
              </a:ext>
            </a:extLst>
          </p:cNvPr>
          <p:cNvSpPr txBox="1"/>
          <p:nvPr/>
        </p:nvSpPr>
        <p:spPr>
          <a:xfrm>
            <a:off x="6775677" y="946779"/>
            <a:ext cx="1221650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s-MX" sz="1800">
                <a:solidFill>
                  <a:srgbClr val="00B050"/>
                </a:solidFill>
                <a:latin typeface="+mn-lt"/>
                <a:ea typeface="Roboto Medium" panose="02000000000000000000" pitchFamily="2" charset="0"/>
              </a:rPr>
              <a:t>Intel 4004</a:t>
            </a:r>
            <a:endParaRPr lang="en-US" sz="1800">
              <a:solidFill>
                <a:srgbClr val="00B050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AE087AD3-268E-4447-932C-F1BF77879F35}"/>
              </a:ext>
            </a:extLst>
          </p:cNvPr>
          <p:cNvSpPr txBox="1"/>
          <p:nvPr/>
        </p:nvSpPr>
        <p:spPr>
          <a:xfrm>
            <a:off x="5272512" y="1693457"/>
            <a:ext cx="2103008" cy="110799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 b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4 Bits, </a:t>
            </a:r>
            <a:r>
              <a:rPr lang="en-US" sz="1100" b="1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proceso</a:t>
            </a:r>
            <a:r>
              <a:rPr lang="en-US" sz="1100" b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MO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Primer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μprocesador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commercia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Diseñado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para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calculadoras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E13C1A53-3F1B-4EF8-BA37-08E6F589F097}"/>
              </a:ext>
            </a:extLst>
          </p:cNvPr>
          <p:cNvSpPr txBox="1"/>
          <p:nvPr/>
        </p:nvSpPr>
        <p:spPr>
          <a:xfrm>
            <a:off x="8956224" y="5528013"/>
            <a:ext cx="2258887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s-MX" sz="1800">
                <a:solidFill>
                  <a:srgbClr val="154295"/>
                </a:solidFill>
                <a:latin typeface="+mn-lt"/>
                <a:ea typeface="Roboto Medium" panose="02000000000000000000" pitchFamily="2" charset="0"/>
              </a:rPr>
              <a:t>MOS 6502</a:t>
            </a:r>
            <a:endParaRPr lang="en-US" sz="1800">
              <a:solidFill>
                <a:srgbClr val="154295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83D34A5C-8BC9-4F59-BF90-E00796AAB20A}"/>
              </a:ext>
            </a:extLst>
          </p:cNvPr>
          <p:cNvSpPr txBox="1"/>
          <p:nvPr/>
        </p:nvSpPr>
        <p:spPr>
          <a:xfrm>
            <a:off x="8075085" y="4021955"/>
            <a:ext cx="1957838" cy="110799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b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8 Bit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Micro</a:t>
            </a:r>
            <a:r>
              <a:rPr lang="es-MX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p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rocesador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de bajo 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costo</a:t>
            </a:r>
            <a:endParaRPr lang="en-US" sz="1100">
              <a:solidFill>
                <a:srgbClr val="154295"/>
              </a:solidFill>
              <a:latin typeface="+mn-lt"/>
              <a:ea typeface="Roboto Light" panose="02000000000000000000" pitchFamily="2" charset="0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Inició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la 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revolución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de la 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computación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en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casa</a:t>
            </a: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6B7DFB32-690C-4006-8D02-49D906453384}"/>
              </a:ext>
            </a:extLst>
          </p:cNvPr>
          <p:cNvSpPr/>
          <p:nvPr/>
        </p:nvSpPr>
        <p:spPr>
          <a:xfrm>
            <a:off x="9615342" y="2960057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154295"/>
            </a:solidFill>
          </a:ln>
          <a:effectLst>
            <a:glow rad="63500">
              <a:srgbClr val="154295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154295"/>
                </a:solidFill>
                <a:ea typeface="Roboto Light" panose="02000000000000000000" pitchFamily="2" charset="0"/>
              </a:rPr>
              <a:t>1975</a:t>
            </a:r>
            <a:endParaRPr lang="en-US" sz="1600">
              <a:solidFill>
                <a:srgbClr val="154295"/>
              </a:solidFill>
              <a:ea typeface="Roboto Light" panose="02000000000000000000" pitchFamily="2" charset="0"/>
            </a:endParaRPr>
          </a:p>
        </p:txBody>
      </p: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9282786D-028C-447B-91EF-D16F4A10B70B}"/>
              </a:ext>
            </a:extLst>
          </p:cNvPr>
          <p:cNvCxnSpPr>
            <a:cxnSpLocks/>
          </p:cNvCxnSpPr>
          <p:nvPr/>
        </p:nvCxnSpPr>
        <p:spPr>
          <a:xfrm>
            <a:off x="10085667" y="3900712"/>
            <a:ext cx="0" cy="1563717"/>
          </a:xfrm>
          <a:prstGeom prst="line">
            <a:avLst/>
          </a:prstGeom>
          <a:ln w="38100">
            <a:solidFill>
              <a:srgbClr val="154295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5" name="Picture 8" descr="MOS Technology 6502 microprocessor family">
            <a:extLst>
              <a:ext uri="{FF2B5EF4-FFF2-40B4-BE49-F238E27FC236}">
                <a16:creationId xmlns:a16="http://schemas.microsoft.com/office/drawing/2014/main" id="{F462F344-4B39-417D-B137-ACCD377314B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210358" y="4097364"/>
            <a:ext cx="1838225" cy="940655"/>
          </a:xfrm>
          <a:prstGeom prst="roundRect">
            <a:avLst/>
          </a:prstGeom>
          <a:noFill/>
          <a:ln w="19050">
            <a:solidFill>
              <a:srgbClr val="154295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" name="Picture 6" descr="Text in light blue serif capital letters on white background and very large light blue sans-serif letter C.">
            <a:extLst>
              <a:ext uri="{FF2B5EF4-FFF2-40B4-BE49-F238E27FC236}">
                <a16:creationId xmlns:a16="http://schemas.microsoft.com/office/drawing/2014/main" id="{FFB902E5-1FC0-4A61-0E52-D33FD0B6B70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26526" y="4785111"/>
            <a:ext cx="1471777" cy="156371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38" name="Group 37">
            <a:extLst>
              <a:ext uri="{FF2B5EF4-FFF2-40B4-BE49-F238E27FC236}">
                <a16:creationId xmlns:a16="http://schemas.microsoft.com/office/drawing/2014/main" id="{403A18BC-7EE7-FA49-DAF5-2D5BF218F138}"/>
              </a:ext>
            </a:extLst>
          </p:cNvPr>
          <p:cNvGrpSpPr/>
          <p:nvPr/>
        </p:nvGrpSpPr>
        <p:grpSpPr>
          <a:xfrm>
            <a:off x="7441416" y="3410568"/>
            <a:ext cx="958680" cy="1280160"/>
            <a:chOff x="7441416" y="3410568"/>
            <a:chExt cx="958680" cy="1280160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7">
              <p14:nvContentPartPr>
                <p14:cNvPr id="36" name="Ink 35">
                  <a:extLst>
                    <a:ext uri="{FF2B5EF4-FFF2-40B4-BE49-F238E27FC236}">
                      <a16:creationId xmlns:a16="http://schemas.microsoft.com/office/drawing/2014/main" id="{0129D138-590F-25A0-4570-6C5DB7A5862D}"/>
                    </a:ext>
                  </a:extLst>
                </p14:cNvPr>
                <p14:cNvContentPartPr/>
                <p14:nvPr/>
              </p14:nvContentPartPr>
              <p14:xfrm>
                <a:off x="7441416" y="3494808"/>
                <a:ext cx="881640" cy="1195920"/>
              </p14:xfrm>
            </p:contentPart>
          </mc:Choice>
          <mc:Fallback xmlns="">
            <p:pic>
              <p:nvPicPr>
                <p:cNvPr id="36" name="Ink 35">
                  <a:extLst>
                    <a:ext uri="{FF2B5EF4-FFF2-40B4-BE49-F238E27FC236}">
                      <a16:creationId xmlns:a16="http://schemas.microsoft.com/office/drawing/2014/main" id="{0129D138-590F-25A0-4570-6C5DB7A5862D}"/>
                    </a:ext>
                  </a:extLst>
                </p:cNvPr>
                <p:cNvPicPr/>
                <p:nvPr/>
              </p:nvPicPr>
              <p:blipFill>
                <a:blip r:embed="rId8"/>
                <a:stretch>
                  <a:fillRect/>
                </a:stretch>
              </p:blipFill>
              <p:spPr>
                <a:xfrm>
                  <a:off x="7432416" y="3485808"/>
                  <a:ext cx="899280" cy="12135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9">
              <p14:nvContentPartPr>
                <p14:cNvPr id="37" name="Ink 36">
                  <a:extLst>
                    <a:ext uri="{FF2B5EF4-FFF2-40B4-BE49-F238E27FC236}">
                      <a16:creationId xmlns:a16="http://schemas.microsoft.com/office/drawing/2014/main" id="{E8BBD0F5-2D74-62FA-725C-AA4B3B0BC009}"/>
                    </a:ext>
                  </a:extLst>
                </p14:cNvPr>
                <p14:cNvContentPartPr/>
                <p14:nvPr/>
              </p14:nvContentPartPr>
              <p14:xfrm>
                <a:off x="8215776" y="3410568"/>
                <a:ext cx="184320" cy="149400"/>
              </p14:xfrm>
            </p:contentPart>
          </mc:Choice>
          <mc:Fallback xmlns="">
            <p:pic>
              <p:nvPicPr>
                <p:cNvPr id="37" name="Ink 36">
                  <a:extLst>
                    <a:ext uri="{FF2B5EF4-FFF2-40B4-BE49-F238E27FC236}">
                      <a16:creationId xmlns:a16="http://schemas.microsoft.com/office/drawing/2014/main" id="{E8BBD0F5-2D74-62FA-725C-AA4B3B0BC009}"/>
                    </a:ext>
                  </a:extLst>
                </p:cNvPr>
                <p:cNvPicPr/>
                <p:nvPr/>
              </p:nvPicPr>
              <p:blipFill>
                <a:blip r:embed="rId10"/>
                <a:stretch>
                  <a:fillRect/>
                </a:stretch>
              </p:blipFill>
              <p:spPr>
                <a:xfrm>
                  <a:off x="8206776" y="3401590"/>
                  <a:ext cx="201960" cy="166998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 xmlns:p14="http://schemas.microsoft.com/office/powerpoint/2010/main">
        <mc:Choice Requires="p14">
          <p:contentPart p14:bwMode="auto" r:id="rId11">
            <p14:nvContentPartPr>
              <p14:cNvPr id="40" name="Ink 39">
                <a:extLst>
                  <a:ext uri="{FF2B5EF4-FFF2-40B4-BE49-F238E27FC236}">
                    <a16:creationId xmlns:a16="http://schemas.microsoft.com/office/drawing/2014/main" id="{DFC6FC10-76C9-74B3-7B36-826488CD11CC}"/>
                  </a:ext>
                </a:extLst>
              </p14:cNvPr>
              <p14:cNvContentPartPr/>
              <p14:nvPr/>
            </p14:nvContentPartPr>
            <p14:xfrm>
              <a:off x="7250976" y="2395368"/>
              <a:ext cx="360" cy="360"/>
            </p14:xfrm>
          </p:contentPart>
        </mc:Choice>
        <mc:Fallback xmlns="">
          <p:pic>
            <p:nvPicPr>
              <p:cNvPr id="40" name="Ink 39">
                <a:extLst>
                  <a:ext uri="{FF2B5EF4-FFF2-40B4-BE49-F238E27FC236}">
                    <a16:creationId xmlns:a16="http://schemas.microsoft.com/office/drawing/2014/main" id="{DFC6FC10-76C9-74B3-7B36-826488CD11CC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7241976" y="2386368"/>
                <a:ext cx="18000" cy="1800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471044012"/>
      </p:ext>
    </p:extLst>
  </p:cSld>
  <p:clrMapOvr>
    <a:masterClrMapping/>
  </p:clrMapOvr>
  <p:transition spd="slow">
    <p:push/>
  </p:transition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3FAF46C-4190-4BD7-975F-7FF0320B5A8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0D51725-938A-374B-AAC7-5D7ED71FB7E0}" type="slidenum">
              <a:rPr lang="es-MX" smtClean="0"/>
              <a:t>17</a:t>
            </a:fld>
            <a:endParaRPr lang="es-MX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37D6C27F-1509-4A73-A0BE-401238589232}"/>
              </a:ext>
            </a:extLst>
          </p:cNvPr>
          <p:cNvSpPr/>
          <p:nvPr/>
        </p:nvSpPr>
        <p:spPr>
          <a:xfrm>
            <a:off x="-1" y="3337572"/>
            <a:ext cx="12190413" cy="182856"/>
          </a:xfrm>
          <a:prstGeom prst="rect">
            <a:avLst/>
          </a:prstGeom>
          <a:solidFill>
            <a:srgbClr val="0070C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/>
          </a:p>
        </p:txBody>
      </p:sp>
      <p:grpSp>
        <p:nvGrpSpPr>
          <p:cNvPr id="22" name="Group 21">
            <a:extLst>
              <a:ext uri="{FF2B5EF4-FFF2-40B4-BE49-F238E27FC236}">
                <a16:creationId xmlns:a16="http://schemas.microsoft.com/office/drawing/2014/main" id="{A3A7B9EE-1B9D-407E-A757-DAB7B90DE340}"/>
              </a:ext>
            </a:extLst>
          </p:cNvPr>
          <p:cNvGrpSpPr/>
          <p:nvPr/>
        </p:nvGrpSpPr>
        <p:grpSpPr>
          <a:xfrm>
            <a:off x="1418035" y="1394956"/>
            <a:ext cx="940655" cy="2504371"/>
            <a:chOff x="1418220" y="1394691"/>
            <a:chExt cx="940777" cy="2504697"/>
          </a:xfrm>
        </p:grpSpPr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80907912-D092-41CC-8D38-2D85E0A0EEC9}"/>
                </a:ext>
              </a:extLst>
            </p:cNvPr>
            <p:cNvSpPr/>
            <p:nvPr/>
          </p:nvSpPr>
          <p:spPr>
            <a:xfrm>
              <a:off x="1418220" y="2958611"/>
              <a:ext cx="940777" cy="940777"/>
            </a:xfrm>
            <a:prstGeom prst="ellipse">
              <a:avLst/>
            </a:prstGeom>
            <a:solidFill>
              <a:schemeClr val="bg1"/>
            </a:solidFill>
            <a:ln w="38100">
              <a:solidFill>
                <a:srgbClr val="9061C2"/>
              </a:solidFill>
            </a:ln>
            <a:effectLst>
              <a:glow rad="63500">
                <a:srgbClr val="9061C2">
                  <a:alpha val="40000"/>
                </a:srgbClr>
              </a:glo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s-MX" sz="1600">
                  <a:solidFill>
                    <a:srgbClr val="9061C2"/>
                  </a:solidFill>
                  <a:ea typeface="Roboto Light" panose="02000000000000000000" pitchFamily="2" charset="0"/>
                </a:rPr>
                <a:t>1976</a:t>
              </a:r>
              <a:endParaRPr lang="en-US" sz="1600">
                <a:solidFill>
                  <a:srgbClr val="9061C2"/>
                </a:solidFill>
                <a:ea typeface="Roboto Light" panose="02000000000000000000" pitchFamily="2" charset="0"/>
              </a:endParaRPr>
            </a:p>
          </p:txBody>
        </p:sp>
        <p:cxnSp>
          <p:nvCxnSpPr>
            <p:cNvPr id="8" name="Straight Connector 7">
              <a:extLst>
                <a:ext uri="{FF2B5EF4-FFF2-40B4-BE49-F238E27FC236}">
                  <a16:creationId xmlns:a16="http://schemas.microsoft.com/office/drawing/2014/main" id="{6C53B87E-6E45-4CCF-B4B8-EB610119EA3F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893449" y="1394691"/>
              <a:ext cx="0" cy="1563921"/>
            </a:xfrm>
            <a:prstGeom prst="line">
              <a:avLst/>
            </a:prstGeom>
            <a:ln w="38100">
              <a:solidFill>
                <a:srgbClr val="9061C2"/>
              </a:solidFill>
              <a:tailEnd type="oval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TextBox 8">
            <a:extLst>
              <a:ext uri="{FF2B5EF4-FFF2-40B4-BE49-F238E27FC236}">
                <a16:creationId xmlns:a16="http://schemas.microsoft.com/office/drawing/2014/main" id="{81B5BD22-899D-414E-88E0-CA6E0F329131}"/>
              </a:ext>
            </a:extLst>
          </p:cNvPr>
          <p:cNvSpPr txBox="1"/>
          <p:nvPr/>
        </p:nvSpPr>
        <p:spPr>
          <a:xfrm>
            <a:off x="1418035" y="942952"/>
            <a:ext cx="970011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s-MX" sz="1800">
                <a:solidFill>
                  <a:srgbClr val="9061C2"/>
                </a:solidFill>
                <a:latin typeface="+mn-lt"/>
                <a:ea typeface="Roboto Medium" panose="02000000000000000000" pitchFamily="2" charset="0"/>
              </a:rPr>
              <a:t>Apple 1</a:t>
            </a:r>
            <a:endParaRPr lang="en-US" sz="1800">
              <a:solidFill>
                <a:srgbClr val="9061C2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C7B712F-7A52-4151-A701-EF0707899A16}"/>
              </a:ext>
            </a:extLst>
          </p:cNvPr>
          <p:cNvSpPr txBox="1"/>
          <p:nvPr/>
        </p:nvSpPr>
        <p:spPr>
          <a:xfrm>
            <a:off x="41070" y="1698247"/>
            <a:ext cx="2004183" cy="93871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Incluía</a:t>
            </a: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 un MOS 6502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Fabricaron</a:t>
            </a: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 200 </a:t>
            </a: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modelos</a:t>
            </a:r>
            <a:endParaRPr lang="en-US" sz="1100">
              <a:solidFill>
                <a:srgbClr val="9061C2"/>
              </a:solidFill>
              <a:latin typeface="+mn-lt"/>
              <a:ea typeface="Roboto Light" panose="02000000000000000000" pitchFamily="2" charset="0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Diseñada</a:t>
            </a: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 para </a:t>
            </a: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uso</a:t>
            </a: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recreativo</a:t>
            </a:r>
            <a:endParaRPr lang="en-US" sz="1100">
              <a:solidFill>
                <a:srgbClr val="9061C2"/>
              </a:solidFill>
              <a:latin typeface="+mn-lt"/>
              <a:ea typeface="Roboto Light" panose="02000000000000000000" pitchFamily="2" charset="0"/>
            </a:endParaRPr>
          </a:p>
        </p:txBody>
      </p:sp>
      <p:pic>
        <p:nvPicPr>
          <p:cNvPr id="12" name="Picture 2">
            <a:extLst>
              <a:ext uri="{FF2B5EF4-FFF2-40B4-BE49-F238E27FC236}">
                <a16:creationId xmlns:a16="http://schemas.microsoft.com/office/drawing/2014/main" id="{CA4D2470-B58B-451F-B844-3112B514FB1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2045253" y="1698248"/>
            <a:ext cx="1575911" cy="1048901"/>
          </a:xfrm>
          <a:prstGeom prst="roundRect">
            <a:avLst/>
          </a:prstGeom>
          <a:noFill/>
          <a:ln w="19050">
            <a:solidFill>
              <a:srgbClr val="9061C2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4" name="Picture 6">
            <a:extLst>
              <a:ext uri="{FF2B5EF4-FFF2-40B4-BE49-F238E27FC236}">
                <a16:creationId xmlns:a16="http://schemas.microsoft.com/office/drawing/2014/main" id="{C8D0D947-293B-4603-ACC9-1281A63851B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4709064" y="4155838"/>
            <a:ext cx="1705530" cy="1114280"/>
          </a:xfrm>
          <a:prstGeom prst="flowChartAlternateProcess">
            <a:avLst/>
          </a:prstGeom>
          <a:noFill/>
          <a:ln w="19050">
            <a:solidFill>
              <a:srgbClr val="FF8800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0E7ECAD1-DD9B-42A4-B834-EB7398D81F00}"/>
              </a:ext>
            </a:extLst>
          </p:cNvPr>
          <p:cNvSpPr txBox="1"/>
          <p:nvPr/>
        </p:nvSpPr>
        <p:spPr>
          <a:xfrm>
            <a:off x="3437900" y="5526628"/>
            <a:ext cx="2258887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s-MX" sz="1800">
                <a:solidFill>
                  <a:srgbClr val="FF8800"/>
                </a:solidFill>
                <a:latin typeface="+mn-lt"/>
                <a:ea typeface="Roboto Medium" panose="02000000000000000000" pitchFamily="2" charset="0"/>
              </a:rPr>
              <a:t>Atari 400 y 800</a:t>
            </a:r>
            <a:endParaRPr lang="en-US" sz="1800">
              <a:solidFill>
                <a:srgbClr val="FF8800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8F6B261C-C69D-4E79-A600-63E85E2F5284}"/>
              </a:ext>
            </a:extLst>
          </p:cNvPr>
          <p:cNvSpPr txBox="1"/>
          <p:nvPr/>
        </p:nvSpPr>
        <p:spPr>
          <a:xfrm>
            <a:off x="2680367" y="4162122"/>
            <a:ext cx="1957838" cy="110799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Incluía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un MOS 6502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Diseñadas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para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juegos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y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computadora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personal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Integraba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un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teclado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completo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 </a:t>
            </a: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9CECADE0-8F9A-465F-B179-E7F4EBDD5876}"/>
              </a:ext>
            </a:extLst>
          </p:cNvPr>
          <p:cNvSpPr/>
          <p:nvPr/>
        </p:nvSpPr>
        <p:spPr>
          <a:xfrm>
            <a:off x="4097018" y="2958673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FF8800"/>
            </a:solidFill>
          </a:ln>
          <a:effectLst>
            <a:glow rad="63500">
              <a:srgbClr val="FF8800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FF8800"/>
                </a:solidFill>
                <a:ea typeface="Roboto Light" panose="02000000000000000000" pitchFamily="2" charset="0"/>
              </a:rPr>
              <a:t>1979</a:t>
            </a:r>
            <a:endParaRPr lang="en-US" sz="1600">
              <a:solidFill>
                <a:srgbClr val="FF8800"/>
              </a:solidFill>
              <a:ea typeface="Roboto Light" panose="02000000000000000000" pitchFamily="2" charset="0"/>
            </a:endParaRP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AF612BAA-BFB9-4563-9FF7-B5F88BE18F00}"/>
              </a:ext>
            </a:extLst>
          </p:cNvPr>
          <p:cNvCxnSpPr>
            <a:cxnSpLocks/>
          </p:cNvCxnSpPr>
          <p:nvPr/>
        </p:nvCxnSpPr>
        <p:spPr>
          <a:xfrm>
            <a:off x="4567344" y="3899327"/>
            <a:ext cx="0" cy="1563717"/>
          </a:xfrm>
          <a:prstGeom prst="line">
            <a:avLst/>
          </a:prstGeom>
          <a:ln w="38100">
            <a:solidFill>
              <a:srgbClr val="FF8800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4" name="Picture 2">
            <a:extLst>
              <a:ext uri="{FF2B5EF4-FFF2-40B4-BE49-F238E27FC236}">
                <a16:creationId xmlns:a16="http://schemas.microsoft.com/office/drawing/2014/main" id="{BCFBFF97-EA01-425E-8D5F-1931C731316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7527322" y="1601448"/>
            <a:ext cx="1535147" cy="1110888"/>
          </a:xfrm>
          <a:prstGeom prst="flowChartAlternateProcess">
            <a:avLst/>
          </a:prstGeom>
          <a:noFill/>
          <a:ln w="19050">
            <a:solidFill>
              <a:srgbClr val="00B050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Oval 25">
            <a:extLst>
              <a:ext uri="{FF2B5EF4-FFF2-40B4-BE49-F238E27FC236}">
                <a16:creationId xmlns:a16="http://schemas.microsoft.com/office/drawing/2014/main" id="{5DBE005D-AD26-47A0-ADFF-87271B3F351D}"/>
              </a:ext>
            </a:extLst>
          </p:cNvPr>
          <p:cNvSpPr/>
          <p:nvPr/>
        </p:nvSpPr>
        <p:spPr>
          <a:xfrm>
            <a:off x="6905844" y="2960057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00B050"/>
            </a:solidFill>
          </a:ln>
          <a:effectLst>
            <a:glow rad="63500">
              <a:srgbClr val="00B050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00B050"/>
                </a:solidFill>
                <a:ea typeface="Roboto Light" panose="02000000000000000000" pitchFamily="2" charset="0"/>
              </a:rPr>
              <a:t>1981</a:t>
            </a:r>
            <a:endParaRPr lang="en-US" sz="1600">
              <a:solidFill>
                <a:srgbClr val="00B050"/>
              </a:solidFill>
              <a:ea typeface="Roboto Light" panose="02000000000000000000" pitchFamily="2" charset="0"/>
            </a:endParaRPr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1F893D87-A6B2-4206-BECB-7495EE36F386}"/>
              </a:ext>
            </a:extLst>
          </p:cNvPr>
          <p:cNvCxnSpPr>
            <a:cxnSpLocks/>
          </p:cNvCxnSpPr>
          <p:nvPr/>
        </p:nvCxnSpPr>
        <p:spPr>
          <a:xfrm flipV="1">
            <a:off x="7381011" y="1396341"/>
            <a:ext cx="0" cy="1563717"/>
          </a:xfrm>
          <a:prstGeom prst="line">
            <a:avLst/>
          </a:prstGeom>
          <a:ln w="38100">
            <a:solidFill>
              <a:srgbClr val="00B050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7E199668-9BCB-4803-B156-8A7C76EDA5EA}"/>
              </a:ext>
            </a:extLst>
          </p:cNvPr>
          <p:cNvSpPr txBox="1"/>
          <p:nvPr/>
        </p:nvSpPr>
        <p:spPr>
          <a:xfrm>
            <a:off x="6526529" y="952074"/>
            <a:ext cx="1699283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s-MX" sz="1800">
                <a:solidFill>
                  <a:srgbClr val="00B050"/>
                </a:solidFill>
                <a:latin typeface="+mn-lt"/>
                <a:ea typeface="Roboto Medium" panose="02000000000000000000" pitchFamily="2" charset="0"/>
              </a:rPr>
              <a:t>IBM PC (5150)</a:t>
            </a:r>
            <a:endParaRPr lang="en-US" sz="1800">
              <a:solidFill>
                <a:srgbClr val="00B050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AE087AD3-268E-4447-932C-F1BF77879F35}"/>
              </a:ext>
            </a:extLst>
          </p:cNvPr>
          <p:cNvSpPr txBox="1"/>
          <p:nvPr/>
        </p:nvSpPr>
        <p:spPr>
          <a:xfrm>
            <a:off x="5243632" y="1503244"/>
            <a:ext cx="2129383" cy="110799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Procesador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INTEL 8088 de 16 Bit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SO Microsoft MS-DO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Introdujo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el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concepto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de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Computadora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Personal 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E13C1A53-3F1B-4EF8-BA37-08E6F589F097}"/>
              </a:ext>
            </a:extLst>
          </p:cNvPr>
          <p:cNvSpPr txBox="1"/>
          <p:nvPr/>
        </p:nvSpPr>
        <p:spPr>
          <a:xfrm>
            <a:off x="8956224" y="5528013"/>
            <a:ext cx="2258887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s-MX" sz="1800">
                <a:solidFill>
                  <a:srgbClr val="154295"/>
                </a:solidFill>
                <a:latin typeface="+mn-lt"/>
                <a:ea typeface="Roboto Medium" panose="02000000000000000000" pitchFamily="2" charset="0"/>
              </a:rPr>
              <a:t>Apple Lisa</a:t>
            </a:r>
            <a:endParaRPr lang="en-US" sz="1800">
              <a:solidFill>
                <a:srgbClr val="154295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83D34A5C-8BC9-4F59-BF90-E00796AAB20A}"/>
              </a:ext>
            </a:extLst>
          </p:cNvPr>
          <p:cNvSpPr txBox="1"/>
          <p:nvPr/>
        </p:nvSpPr>
        <p:spPr>
          <a:xfrm>
            <a:off x="8035287" y="4049186"/>
            <a:ext cx="2144776" cy="136191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Motorola 68000 de 16/32 Bit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SO Lisa O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Primera PC con </a:t>
            </a:r>
            <a:r>
              <a:rPr lang="es-MX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interfaz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gráfica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.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Fracaso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comercial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</a:t>
            </a: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6B7DFB32-690C-4006-8D02-49D906453384}"/>
              </a:ext>
            </a:extLst>
          </p:cNvPr>
          <p:cNvSpPr/>
          <p:nvPr/>
        </p:nvSpPr>
        <p:spPr>
          <a:xfrm>
            <a:off x="9615342" y="2960057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154295"/>
            </a:solidFill>
          </a:ln>
          <a:effectLst>
            <a:glow rad="63500">
              <a:srgbClr val="154295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154295"/>
                </a:solidFill>
                <a:ea typeface="Roboto Light" panose="02000000000000000000" pitchFamily="2" charset="0"/>
              </a:rPr>
              <a:t>1983</a:t>
            </a:r>
            <a:endParaRPr lang="en-US" sz="1600">
              <a:solidFill>
                <a:srgbClr val="154295"/>
              </a:solidFill>
              <a:ea typeface="Roboto Light" panose="02000000000000000000" pitchFamily="2" charset="0"/>
            </a:endParaRPr>
          </a:p>
        </p:txBody>
      </p: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9282786D-028C-447B-91EF-D16F4A10B70B}"/>
              </a:ext>
            </a:extLst>
          </p:cNvPr>
          <p:cNvCxnSpPr>
            <a:cxnSpLocks/>
          </p:cNvCxnSpPr>
          <p:nvPr/>
        </p:nvCxnSpPr>
        <p:spPr>
          <a:xfrm>
            <a:off x="10085667" y="3900712"/>
            <a:ext cx="0" cy="1563717"/>
          </a:xfrm>
          <a:prstGeom prst="line">
            <a:avLst/>
          </a:prstGeom>
          <a:ln w="38100">
            <a:solidFill>
              <a:srgbClr val="154295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5" name="Picture 8">
            <a:extLst>
              <a:ext uri="{FF2B5EF4-FFF2-40B4-BE49-F238E27FC236}">
                <a16:creationId xmlns:a16="http://schemas.microsoft.com/office/drawing/2014/main" id="{F462F344-4B39-417D-B137-ACCD377314B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10274458" y="4097808"/>
            <a:ext cx="1188131" cy="1188131"/>
          </a:xfrm>
          <a:prstGeom prst="roundRect">
            <a:avLst/>
          </a:prstGeom>
          <a:noFill/>
          <a:ln w="19050">
            <a:solidFill>
              <a:srgbClr val="154295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53488033"/>
      </p:ext>
    </p:extLst>
  </p:cSld>
  <p:clrMapOvr>
    <a:masterClrMapping/>
  </p:clrMapOvr>
  <p:transition spd="slow">
    <p:push/>
  </p:transition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3FAF46C-4190-4BD7-975F-7FF0320B5A8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0D51725-938A-374B-AAC7-5D7ED71FB7E0}" type="slidenum">
              <a:rPr lang="es-MX" smtClean="0"/>
              <a:t>18</a:t>
            </a:fld>
            <a:endParaRPr lang="es-MX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37D6C27F-1509-4A73-A0BE-401238589232}"/>
              </a:ext>
            </a:extLst>
          </p:cNvPr>
          <p:cNvSpPr/>
          <p:nvPr/>
        </p:nvSpPr>
        <p:spPr>
          <a:xfrm>
            <a:off x="-1" y="3337572"/>
            <a:ext cx="12190413" cy="182856"/>
          </a:xfrm>
          <a:prstGeom prst="rect">
            <a:avLst/>
          </a:prstGeom>
          <a:solidFill>
            <a:srgbClr val="0070C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/>
          </a:p>
        </p:txBody>
      </p:sp>
      <p:grpSp>
        <p:nvGrpSpPr>
          <p:cNvPr id="22" name="Group 21">
            <a:extLst>
              <a:ext uri="{FF2B5EF4-FFF2-40B4-BE49-F238E27FC236}">
                <a16:creationId xmlns:a16="http://schemas.microsoft.com/office/drawing/2014/main" id="{A3A7B9EE-1B9D-407E-A757-DAB7B90DE340}"/>
              </a:ext>
            </a:extLst>
          </p:cNvPr>
          <p:cNvGrpSpPr/>
          <p:nvPr/>
        </p:nvGrpSpPr>
        <p:grpSpPr>
          <a:xfrm>
            <a:off x="1418035" y="1394956"/>
            <a:ext cx="940655" cy="2504371"/>
            <a:chOff x="1418220" y="1394691"/>
            <a:chExt cx="940777" cy="2504697"/>
          </a:xfrm>
        </p:grpSpPr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80907912-D092-41CC-8D38-2D85E0A0EEC9}"/>
                </a:ext>
              </a:extLst>
            </p:cNvPr>
            <p:cNvSpPr/>
            <p:nvPr/>
          </p:nvSpPr>
          <p:spPr>
            <a:xfrm>
              <a:off x="1418220" y="2958611"/>
              <a:ext cx="940777" cy="940777"/>
            </a:xfrm>
            <a:prstGeom prst="ellipse">
              <a:avLst/>
            </a:prstGeom>
            <a:solidFill>
              <a:schemeClr val="bg1"/>
            </a:solidFill>
            <a:ln w="38100">
              <a:solidFill>
                <a:srgbClr val="9061C2"/>
              </a:solidFill>
            </a:ln>
            <a:effectLst>
              <a:glow rad="63500">
                <a:srgbClr val="9061C2">
                  <a:alpha val="40000"/>
                </a:srgbClr>
              </a:glo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s-MX" sz="1600">
                  <a:solidFill>
                    <a:srgbClr val="9061C2"/>
                  </a:solidFill>
                  <a:ea typeface="Roboto Light" panose="02000000000000000000" pitchFamily="2" charset="0"/>
                </a:rPr>
                <a:t>1986</a:t>
              </a:r>
              <a:endParaRPr lang="en-US" sz="1600">
                <a:solidFill>
                  <a:srgbClr val="9061C2"/>
                </a:solidFill>
                <a:ea typeface="Roboto Light" panose="02000000000000000000" pitchFamily="2" charset="0"/>
              </a:endParaRPr>
            </a:p>
          </p:txBody>
        </p:sp>
        <p:cxnSp>
          <p:nvCxnSpPr>
            <p:cNvPr id="8" name="Straight Connector 7">
              <a:extLst>
                <a:ext uri="{FF2B5EF4-FFF2-40B4-BE49-F238E27FC236}">
                  <a16:creationId xmlns:a16="http://schemas.microsoft.com/office/drawing/2014/main" id="{6C53B87E-6E45-4CCF-B4B8-EB610119EA3F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893449" y="1394691"/>
              <a:ext cx="0" cy="1563921"/>
            </a:xfrm>
            <a:prstGeom prst="line">
              <a:avLst/>
            </a:prstGeom>
            <a:ln w="38100">
              <a:solidFill>
                <a:srgbClr val="9061C2"/>
              </a:solidFill>
              <a:tailEnd type="oval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TextBox 8">
            <a:extLst>
              <a:ext uri="{FF2B5EF4-FFF2-40B4-BE49-F238E27FC236}">
                <a16:creationId xmlns:a16="http://schemas.microsoft.com/office/drawing/2014/main" id="{81B5BD22-899D-414E-88E0-CA6E0F329131}"/>
              </a:ext>
            </a:extLst>
          </p:cNvPr>
          <p:cNvSpPr txBox="1"/>
          <p:nvPr/>
        </p:nvSpPr>
        <p:spPr>
          <a:xfrm>
            <a:off x="678893" y="956812"/>
            <a:ext cx="2418937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s-MX" sz="1800">
                <a:solidFill>
                  <a:srgbClr val="9061C2"/>
                </a:solidFill>
                <a:latin typeface="+mn-lt"/>
                <a:ea typeface="Roboto Medium" panose="02000000000000000000" pitchFamily="2" charset="0"/>
              </a:rPr>
              <a:t>Compaq </a:t>
            </a:r>
            <a:r>
              <a:rPr lang="es-MX" sz="1800" err="1">
                <a:solidFill>
                  <a:srgbClr val="9061C2"/>
                </a:solidFill>
                <a:latin typeface="+mn-lt"/>
                <a:ea typeface="Roboto Medium" panose="02000000000000000000" pitchFamily="2" charset="0"/>
              </a:rPr>
              <a:t>Deskpro</a:t>
            </a:r>
            <a:r>
              <a:rPr lang="es-MX" sz="1800">
                <a:solidFill>
                  <a:srgbClr val="9061C2"/>
                </a:solidFill>
                <a:latin typeface="+mn-lt"/>
                <a:ea typeface="Roboto Medium" panose="02000000000000000000" pitchFamily="2" charset="0"/>
              </a:rPr>
              <a:t> 386</a:t>
            </a:r>
            <a:endParaRPr lang="en-US" sz="1800">
              <a:solidFill>
                <a:srgbClr val="9061C2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C7B712F-7A52-4151-A701-EF0707899A16}"/>
              </a:ext>
            </a:extLst>
          </p:cNvPr>
          <p:cNvSpPr txBox="1"/>
          <p:nvPr/>
        </p:nvSpPr>
        <p:spPr>
          <a:xfrm>
            <a:off x="44675" y="1635113"/>
            <a:ext cx="1816611" cy="110799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Procesador</a:t>
            </a: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 Intel 80386 de 32 Bits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BUS de </a:t>
            </a: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datos</a:t>
            </a: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 de 16 Bit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SO Windows/386.</a:t>
            </a:r>
          </a:p>
        </p:txBody>
      </p:sp>
      <p:pic>
        <p:nvPicPr>
          <p:cNvPr id="12" name="Picture 2">
            <a:extLst>
              <a:ext uri="{FF2B5EF4-FFF2-40B4-BE49-F238E27FC236}">
                <a16:creationId xmlns:a16="http://schemas.microsoft.com/office/drawing/2014/main" id="{CA4D2470-B58B-451F-B844-3112B514FB1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2045918" y="1504998"/>
            <a:ext cx="1325266" cy="1384814"/>
          </a:xfrm>
          <a:prstGeom prst="roundRect">
            <a:avLst/>
          </a:prstGeom>
          <a:noFill/>
          <a:ln w="19050">
            <a:solidFill>
              <a:srgbClr val="9061C2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4" name="Picture 6">
            <a:extLst>
              <a:ext uri="{FF2B5EF4-FFF2-40B4-BE49-F238E27FC236}">
                <a16:creationId xmlns:a16="http://schemas.microsoft.com/office/drawing/2014/main" id="{C8D0D947-293B-4603-ACC9-1281A63851B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4756135" y="4116541"/>
            <a:ext cx="1291839" cy="1248892"/>
          </a:xfrm>
          <a:prstGeom prst="flowChartAlternateProcess">
            <a:avLst/>
          </a:prstGeom>
          <a:noFill/>
          <a:ln w="19050">
            <a:solidFill>
              <a:srgbClr val="FF8800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0E7ECAD1-DD9B-42A4-B834-EB7398D81F00}"/>
              </a:ext>
            </a:extLst>
          </p:cNvPr>
          <p:cNvSpPr txBox="1"/>
          <p:nvPr/>
        </p:nvSpPr>
        <p:spPr>
          <a:xfrm>
            <a:off x="3437900" y="5526628"/>
            <a:ext cx="2258887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s-MX" sz="1800">
                <a:solidFill>
                  <a:srgbClr val="FF8800"/>
                </a:solidFill>
                <a:latin typeface="+mn-lt"/>
                <a:ea typeface="Roboto Medium" panose="02000000000000000000" pitchFamily="2" charset="0"/>
              </a:rPr>
              <a:t>Intel 80486</a:t>
            </a:r>
            <a:endParaRPr lang="en-US" sz="1800">
              <a:solidFill>
                <a:srgbClr val="FF8800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8F6B261C-C69D-4E79-A600-63E85E2F5284}"/>
              </a:ext>
            </a:extLst>
          </p:cNvPr>
          <p:cNvSpPr txBox="1"/>
          <p:nvPr/>
        </p:nvSpPr>
        <p:spPr>
          <a:xfrm>
            <a:off x="2513570" y="4152164"/>
            <a:ext cx="1957838" cy="93871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Procesador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de 32 Bits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BUS de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datos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mejorado</a:t>
            </a:r>
            <a:endParaRPr lang="en-US" sz="1100">
              <a:solidFill>
                <a:srgbClr val="FF8800"/>
              </a:solidFill>
              <a:latin typeface="+mn-lt"/>
              <a:ea typeface="Roboto Light" panose="02000000000000000000" pitchFamily="2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Doblada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el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desempeño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respecto a la 386 </a:t>
            </a: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9CECADE0-8F9A-465F-B179-E7F4EBDD5876}"/>
              </a:ext>
            </a:extLst>
          </p:cNvPr>
          <p:cNvSpPr/>
          <p:nvPr/>
        </p:nvSpPr>
        <p:spPr>
          <a:xfrm>
            <a:off x="4097018" y="2958673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FF8800"/>
            </a:solidFill>
          </a:ln>
          <a:effectLst>
            <a:glow rad="63500">
              <a:srgbClr val="FF8800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FF8800"/>
                </a:solidFill>
                <a:ea typeface="Roboto Light" panose="02000000000000000000" pitchFamily="2" charset="0"/>
              </a:rPr>
              <a:t>1989</a:t>
            </a:r>
            <a:endParaRPr lang="en-US" sz="1600">
              <a:solidFill>
                <a:srgbClr val="FF8800"/>
              </a:solidFill>
              <a:ea typeface="Roboto Light" panose="02000000000000000000" pitchFamily="2" charset="0"/>
            </a:endParaRP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AF612BAA-BFB9-4563-9FF7-B5F88BE18F00}"/>
              </a:ext>
            </a:extLst>
          </p:cNvPr>
          <p:cNvCxnSpPr>
            <a:cxnSpLocks/>
          </p:cNvCxnSpPr>
          <p:nvPr/>
        </p:nvCxnSpPr>
        <p:spPr>
          <a:xfrm>
            <a:off x="4567344" y="3899327"/>
            <a:ext cx="0" cy="1563717"/>
          </a:xfrm>
          <a:prstGeom prst="line">
            <a:avLst/>
          </a:prstGeom>
          <a:ln w="38100">
            <a:solidFill>
              <a:srgbClr val="FF8800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4" name="Picture 2">
            <a:extLst>
              <a:ext uri="{FF2B5EF4-FFF2-40B4-BE49-F238E27FC236}">
                <a16:creationId xmlns:a16="http://schemas.microsoft.com/office/drawing/2014/main" id="{BCFBFF97-EA01-425E-8D5F-1931C731316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7531132" y="1453095"/>
            <a:ext cx="1204079" cy="1288365"/>
          </a:xfrm>
          <a:prstGeom prst="flowChartAlternateProcess">
            <a:avLst/>
          </a:prstGeom>
          <a:noFill/>
          <a:ln w="19050">
            <a:solidFill>
              <a:srgbClr val="00B050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Oval 25">
            <a:extLst>
              <a:ext uri="{FF2B5EF4-FFF2-40B4-BE49-F238E27FC236}">
                <a16:creationId xmlns:a16="http://schemas.microsoft.com/office/drawing/2014/main" id="{5DBE005D-AD26-47A0-ADFF-87271B3F351D}"/>
              </a:ext>
            </a:extLst>
          </p:cNvPr>
          <p:cNvSpPr/>
          <p:nvPr/>
        </p:nvSpPr>
        <p:spPr>
          <a:xfrm>
            <a:off x="6905844" y="2960057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00B050"/>
            </a:solidFill>
          </a:ln>
          <a:effectLst>
            <a:glow rad="63500">
              <a:srgbClr val="00B050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00B050"/>
                </a:solidFill>
                <a:ea typeface="Roboto Light" panose="02000000000000000000" pitchFamily="2" charset="0"/>
              </a:rPr>
              <a:t>1991</a:t>
            </a:r>
            <a:endParaRPr lang="en-US" sz="1600">
              <a:solidFill>
                <a:srgbClr val="00B050"/>
              </a:solidFill>
              <a:ea typeface="Roboto Light" panose="02000000000000000000" pitchFamily="2" charset="0"/>
            </a:endParaRPr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1F893D87-A6B2-4206-BECB-7495EE36F386}"/>
              </a:ext>
            </a:extLst>
          </p:cNvPr>
          <p:cNvCxnSpPr>
            <a:cxnSpLocks/>
          </p:cNvCxnSpPr>
          <p:nvPr/>
        </p:nvCxnSpPr>
        <p:spPr>
          <a:xfrm flipV="1">
            <a:off x="7381011" y="1396341"/>
            <a:ext cx="0" cy="1563717"/>
          </a:xfrm>
          <a:prstGeom prst="line">
            <a:avLst/>
          </a:prstGeom>
          <a:ln w="38100">
            <a:solidFill>
              <a:srgbClr val="00B050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7E199668-9BCB-4803-B156-8A7C76EDA5EA}"/>
              </a:ext>
            </a:extLst>
          </p:cNvPr>
          <p:cNvSpPr txBox="1"/>
          <p:nvPr/>
        </p:nvSpPr>
        <p:spPr>
          <a:xfrm>
            <a:off x="6364646" y="950893"/>
            <a:ext cx="2023048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s-MX" sz="1800">
                <a:solidFill>
                  <a:srgbClr val="00B050"/>
                </a:solidFill>
                <a:latin typeface="+mn-lt"/>
                <a:ea typeface="Roboto Medium" panose="02000000000000000000" pitchFamily="2" charset="0"/>
              </a:rPr>
              <a:t>Apple </a:t>
            </a:r>
            <a:r>
              <a:rPr lang="es-MX" sz="1800" err="1">
                <a:solidFill>
                  <a:srgbClr val="00B050"/>
                </a:solidFill>
                <a:latin typeface="+mn-lt"/>
                <a:ea typeface="Roboto Medium" panose="02000000000000000000" pitchFamily="2" charset="0"/>
              </a:rPr>
              <a:t>PowerBook</a:t>
            </a:r>
            <a:endParaRPr lang="en-US" sz="1800">
              <a:solidFill>
                <a:srgbClr val="00B050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AE087AD3-268E-4447-932C-F1BF77879F35}"/>
              </a:ext>
            </a:extLst>
          </p:cNvPr>
          <p:cNvSpPr txBox="1"/>
          <p:nvPr/>
        </p:nvSpPr>
        <p:spPr>
          <a:xfrm>
            <a:off x="5219711" y="1376576"/>
            <a:ext cx="2129383" cy="144655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Motorola 68000 de 16/32 Bit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SO System 7.0.1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Considerada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como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una de las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computadoras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más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importantes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de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todos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los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tiempo</a:t>
            </a:r>
            <a:endParaRPr lang="en-US" sz="1100">
              <a:solidFill>
                <a:srgbClr val="00B050"/>
              </a:solidFill>
              <a:latin typeface="+mn-lt"/>
              <a:ea typeface="Roboto Light" panose="02000000000000000000" pitchFamily="2" charset="0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E13C1A53-3F1B-4EF8-BA37-08E6F589F097}"/>
              </a:ext>
            </a:extLst>
          </p:cNvPr>
          <p:cNvSpPr txBox="1"/>
          <p:nvPr/>
        </p:nvSpPr>
        <p:spPr>
          <a:xfrm>
            <a:off x="8956224" y="5528013"/>
            <a:ext cx="2258887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s-MX" sz="1800">
                <a:solidFill>
                  <a:srgbClr val="154295"/>
                </a:solidFill>
                <a:latin typeface="+mn-lt"/>
                <a:ea typeface="Roboto Medium" panose="02000000000000000000" pitchFamily="2" charset="0"/>
              </a:rPr>
              <a:t>Sony </a:t>
            </a:r>
            <a:r>
              <a:rPr lang="es-MX" sz="1800" err="1">
                <a:solidFill>
                  <a:srgbClr val="154295"/>
                </a:solidFill>
                <a:latin typeface="+mn-lt"/>
                <a:ea typeface="Roboto Medium" panose="02000000000000000000" pitchFamily="2" charset="0"/>
              </a:rPr>
              <a:t>Playstation</a:t>
            </a:r>
            <a:endParaRPr lang="en-US" sz="1800">
              <a:solidFill>
                <a:srgbClr val="154295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83D34A5C-8BC9-4F59-BF90-E00796AAB20A}"/>
              </a:ext>
            </a:extLst>
          </p:cNvPr>
          <p:cNvSpPr txBox="1"/>
          <p:nvPr/>
        </p:nvSpPr>
        <p:spPr>
          <a:xfrm>
            <a:off x="7846498" y="3992316"/>
            <a:ext cx="2144776" cy="136191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Procesador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R3000A de 32 Bit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s-MX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Creada en colaboración con Nintendo para desarrollar una versión de CD-ROM del Súper Nintendo</a:t>
            </a:r>
            <a:endParaRPr lang="en-US" sz="1100">
              <a:solidFill>
                <a:srgbClr val="154295"/>
              </a:solidFill>
              <a:latin typeface="+mn-lt"/>
              <a:ea typeface="Roboto Light" panose="02000000000000000000" pitchFamily="2" charset="0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6B7DFB32-690C-4006-8D02-49D906453384}"/>
              </a:ext>
            </a:extLst>
          </p:cNvPr>
          <p:cNvSpPr/>
          <p:nvPr/>
        </p:nvSpPr>
        <p:spPr>
          <a:xfrm>
            <a:off x="9615342" y="2960057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154295"/>
            </a:solidFill>
          </a:ln>
          <a:effectLst>
            <a:glow rad="63500">
              <a:srgbClr val="154295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154295"/>
                </a:solidFill>
                <a:ea typeface="Roboto Light" panose="02000000000000000000" pitchFamily="2" charset="0"/>
              </a:rPr>
              <a:t>1995</a:t>
            </a:r>
            <a:endParaRPr lang="en-US" sz="1600">
              <a:solidFill>
                <a:srgbClr val="154295"/>
              </a:solidFill>
              <a:ea typeface="Roboto Light" panose="02000000000000000000" pitchFamily="2" charset="0"/>
            </a:endParaRPr>
          </a:p>
        </p:txBody>
      </p: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9282786D-028C-447B-91EF-D16F4A10B70B}"/>
              </a:ext>
            </a:extLst>
          </p:cNvPr>
          <p:cNvCxnSpPr>
            <a:cxnSpLocks/>
          </p:cNvCxnSpPr>
          <p:nvPr/>
        </p:nvCxnSpPr>
        <p:spPr>
          <a:xfrm>
            <a:off x="10085667" y="3900712"/>
            <a:ext cx="0" cy="1563717"/>
          </a:xfrm>
          <a:prstGeom prst="line">
            <a:avLst/>
          </a:prstGeom>
          <a:ln w="38100">
            <a:solidFill>
              <a:srgbClr val="154295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5" name="Picture 8">
            <a:extLst>
              <a:ext uri="{FF2B5EF4-FFF2-40B4-BE49-F238E27FC236}">
                <a16:creationId xmlns:a16="http://schemas.microsoft.com/office/drawing/2014/main" id="{F462F344-4B39-417D-B137-ACCD377314B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10180063" y="4108516"/>
            <a:ext cx="1888505" cy="866704"/>
          </a:xfrm>
          <a:prstGeom prst="roundRect">
            <a:avLst/>
          </a:prstGeom>
          <a:noFill/>
          <a:ln w="19050">
            <a:solidFill>
              <a:srgbClr val="154295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547474209"/>
      </p:ext>
    </p:extLst>
  </p:cSld>
  <p:clrMapOvr>
    <a:masterClrMapping/>
  </p:clrMapOvr>
  <p:transition spd="slow">
    <p:push/>
  </p:transition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3FAF46C-4190-4BD7-975F-7FF0320B5A8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0D51725-938A-374B-AAC7-5D7ED71FB7E0}" type="slidenum">
              <a:rPr lang="es-MX" smtClean="0"/>
              <a:t>19</a:t>
            </a:fld>
            <a:endParaRPr lang="es-MX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37D6C27F-1509-4A73-A0BE-401238589232}"/>
              </a:ext>
            </a:extLst>
          </p:cNvPr>
          <p:cNvSpPr/>
          <p:nvPr/>
        </p:nvSpPr>
        <p:spPr>
          <a:xfrm>
            <a:off x="-1" y="3337572"/>
            <a:ext cx="12190413" cy="182856"/>
          </a:xfrm>
          <a:prstGeom prst="rect">
            <a:avLst/>
          </a:prstGeom>
          <a:solidFill>
            <a:srgbClr val="0070C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/>
          </a:p>
        </p:txBody>
      </p:sp>
      <p:grpSp>
        <p:nvGrpSpPr>
          <p:cNvPr id="22" name="Group 21">
            <a:extLst>
              <a:ext uri="{FF2B5EF4-FFF2-40B4-BE49-F238E27FC236}">
                <a16:creationId xmlns:a16="http://schemas.microsoft.com/office/drawing/2014/main" id="{A3A7B9EE-1B9D-407E-A757-DAB7B90DE340}"/>
              </a:ext>
            </a:extLst>
          </p:cNvPr>
          <p:cNvGrpSpPr/>
          <p:nvPr/>
        </p:nvGrpSpPr>
        <p:grpSpPr>
          <a:xfrm>
            <a:off x="1418035" y="1394956"/>
            <a:ext cx="940655" cy="2504371"/>
            <a:chOff x="1418220" y="1394691"/>
            <a:chExt cx="940777" cy="2504697"/>
          </a:xfrm>
        </p:grpSpPr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80907912-D092-41CC-8D38-2D85E0A0EEC9}"/>
                </a:ext>
              </a:extLst>
            </p:cNvPr>
            <p:cNvSpPr/>
            <p:nvPr/>
          </p:nvSpPr>
          <p:spPr>
            <a:xfrm>
              <a:off x="1418220" y="2958611"/>
              <a:ext cx="940777" cy="940777"/>
            </a:xfrm>
            <a:prstGeom prst="ellipse">
              <a:avLst/>
            </a:prstGeom>
            <a:solidFill>
              <a:schemeClr val="bg1"/>
            </a:solidFill>
            <a:ln w="38100">
              <a:solidFill>
                <a:srgbClr val="9061C2"/>
              </a:solidFill>
            </a:ln>
            <a:effectLst>
              <a:glow rad="63500">
                <a:srgbClr val="9061C2">
                  <a:alpha val="40000"/>
                </a:srgbClr>
              </a:glo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s-MX" sz="1600">
                  <a:solidFill>
                    <a:srgbClr val="9061C2"/>
                  </a:solidFill>
                  <a:ea typeface="Roboto Light" panose="02000000000000000000" pitchFamily="2" charset="0"/>
                </a:rPr>
                <a:t>2003</a:t>
              </a:r>
              <a:endParaRPr lang="en-US" sz="1600">
                <a:solidFill>
                  <a:srgbClr val="9061C2"/>
                </a:solidFill>
                <a:ea typeface="Roboto Light" panose="02000000000000000000" pitchFamily="2" charset="0"/>
              </a:endParaRPr>
            </a:p>
          </p:txBody>
        </p:sp>
        <p:cxnSp>
          <p:nvCxnSpPr>
            <p:cNvPr id="8" name="Straight Connector 7">
              <a:extLst>
                <a:ext uri="{FF2B5EF4-FFF2-40B4-BE49-F238E27FC236}">
                  <a16:creationId xmlns:a16="http://schemas.microsoft.com/office/drawing/2014/main" id="{6C53B87E-6E45-4CCF-B4B8-EB610119EA3F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893449" y="1394691"/>
              <a:ext cx="0" cy="1563921"/>
            </a:xfrm>
            <a:prstGeom prst="line">
              <a:avLst/>
            </a:prstGeom>
            <a:ln w="38100">
              <a:solidFill>
                <a:srgbClr val="9061C2"/>
              </a:solidFill>
              <a:tailEnd type="oval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TextBox 8">
            <a:extLst>
              <a:ext uri="{FF2B5EF4-FFF2-40B4-BE49-F238E27FC236}">
                <a16:creationId xmlns:a16="http://schemas.microsoft.com/office/drawing/2014/main" id="{81B5BD22-899D-414E-88E0-CA6E0F329131}"/>
              </a:ext>
            </a:extLst>
          </p:cNvPr>
          <p:cNvSpPr txBox="1"/>
          <p:nvPr/>
        </p:nvSpPr>
        <p:spPr>
          <a:xfrm>
            <a:off x="1044502" y="948592"/>
            <a:ext cx="1633568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s-MX" sz="1800" err="1">
                <a:solidFill>
                  <a:srgbClr val="9061C2"/>
                </a:solidFill>
                <a:latin typeface="+mn-lt"/>
                <a:ea typeface="Roboto Medium" panose="02000000000000000000" pitchFamily="2" charset="0"/>
              </a:rPr>
              <a:t>PowerMac</a:t>
            </a:r>
            <a:r>
              <a:rPr lang="es-MX" sz="1800">
                <a:solidFill>
                  <a:srgbClr val="9061C2"/>
                </a:solidFill>
                <a:latin typeface="+mn-lt"/>
                <a:ea typeface="Roboto Medium" panose="02000000000000000000" pitchFamily="2" charset="0"/>
              </a:rPr>
              <a:t> G5</a:t>
            </a:r>
            <a:endParaRPr lang="en-US" sz="1800">
              <a:solidFill>
                <a:srgbClr val="9061C2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C7B712F-7A52-4151-A701-EF0707899A16}"/>
              </a:ext>
            </a:extLst>
          </p:cNvPr>
          <p:cNvSpPr txBox="1"/>
          <p:nvPr/>
        </p:nvSpPr>
        <p:spPr>
          <a:xfrm>
            <a:off x="122073" y="1662539"/>
            <a:ext cx="1816611" cy="93871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Procesador</a:t>
            </a: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 PowerPC 970 de 64 Bit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SO MacOS X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9061C2"/>
                </a:solidFill>
                <a:latin typeface="+mn-lt"/>
                <a:ea typeface="Roboto Light" panose="02000000000000000000" pitchFamily="2" charset="0"/>
              </a:rPr>
              <a:t>Primera PC de 64 bits</a:t>
            </a:r>
          </a:p>
        </p:txBody>
      </p:sp>
      <p:pic>
        <p:nvPicPr>
          <p:cNvPr id="12" name="Picture 2">
            <a:extLst>
              <a:ext uri="{FF2B5EF4-FFF2-40B4-BE49-F238E27FC236}">
                <a16:creationId xmlns:a16="http://schemas.microsoft.com/office/drawing/2014/main" id="{CA4D2470-B58B-451F-B844-3112B514FB1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2075242" y="1527404"/>
            <a:ext cx="1038286" cy="1384814"/>
          </a:xfrm>
          <a:prstGeom prst="roundRect">
            <a:avLst/>
          </a:prstGeom>
          <a:noFill/>
          <a:ln w="19050">
            <a:solidFill>
              <a:srgbClr val="9061C2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4" name="Picture 6">
            <a:extLst>
              <a:ext uri="{FF2B5EF4-FFF2-40B4-BE49-F238E27FC236}">
                <a16:creationId xmlns:a16="http://schemas.microsoft.com/office/drawing/2014/main" id="{C8D0D947-293B-4603-ACC9-1281A63851B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4711349" y="4098528"/>
            <a:ext cx="1553753" cy="1165314"/>
          </a:xfrm>
          <a:prstGeom prst="flowChartAlternateProcess">
            <a:avLst/>
          </a:prstGeom>
          <a:noFill/>
          <a:ln w="19050">
            <a:solidFill>
              <a:srgbClr val="FF8800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0E7ECAD1-DD9B-42A4-B834-EB7398D81F00}"/>
              </a:ext>
            </a:extLst>
          </p:cNvPr>
          <p:cNvSpPr txBox="1"/>
          <p:nvPr/>
        </p:nvSpPr>
        <p:spPr>
          <a:xfrm>
            <a:off x="3437900" y="5526628"/>
            <a:ext cx="2258887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s-MX" sz="1800">
                <a:solidFill>
                  <a:srgbClr val="FF8800"/>
                </a:solidFill>
                <a:latin typeface="+mn-lt"/>
                <a:ea typeface="Roboto Medium" panose="02000000000000000000" pitchFamily="2" charset="0"/>
              </a:rPr>
              <a:t>Apple iPhone</a:t>
            </a:r>
            <a:endParaRPr lang="en-US" sz="1800">
              <a:solidFill>
                <a:srgbClr val="FF8800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8F6B261C-C69D-4E79-A600-63E85E2F5284}"/>
              </a:ext>
            </a:extLst>
          </p:cNvPr>
          <p:cNvSpPr txBox="1"/>
          <p:nvPr/>
        </p:nvSpPr>
        <p:spPr>
          <a:xfrm>
            <a:off x="2522510" y="4131236"/>
            <a:ext cx="1997638" cy="119263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Procesador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de 32 Bits* (Samsung ARM11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Combinaba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web browsing,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reproducción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de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música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, y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teléfono</a:t>
            </a:r>
            <a:r>
              <a:rPr lang="en-US" sz="1100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FF8800"/>
                </a:solidFill>
                <a:latin typeface="+mn-lt"/>
                <a:ea typeface="Roboto Light" panose="02000000000000000000" pitchFamily="2" charset="0"/>
              </a:rPr>
              <a:t>celular</a:t>
            </a:r>
            <a:endParaRPr lang="en-US" sz="1100">
              <a:solidFill>
                <a:srgbClr val="FF8800"/>
              </a:solidFill>
              <a:latin typeface="+mn-lt"/>
              <a:ea typeface="Roboto Light" panose="02000000000000000000" pitchFamily="2" charset="0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9CECADE0-8F9A-465F-B179-E7F4EBDD5876}"/>
              </a:ext>
            </a:extLst>
          </p:cNvPr>
          <p:cNvSpPr/>
          <p:nvPr/>
        </p:nvSpPr>
        <p:spPr>
          <a:xfrm>
            <a:off x="4097018" y="2958673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FF8800"/>
            </a:solidFill>
          </a:ln>
          <a:effectLst>
            <a:glow rad="63500">
              <a:srgbClr val="FF8800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FF8800"/>
                </a:solidFill>
                <a:ea typeface="Roboto Light" panose="02000000000000000000" pitchFamily="2" charset="0"/>
              </a:rPr>
              <a:t>2007</a:t>
            </a:r>
            <a:endParaRPr lang="en-US" sz="1600">
              <a:solidFill>
                <a:srgbClr val="FF8800"/>
              </a:solidFill>
              <a:ea typeface="Roboto Light" panose="02000000000000000000" pitchFamily="2" charset="0"/>
            </a:endParaRP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AF612BAA-BFB9-4563-9FF7-B5F88BE18F00}"/>
              </a:ext>
            </a:extLst>
          </p:cNvPr>
          <p:cNvCxnSpPr>
            <a:cxnSpLocks/>
          </p:cNvCxnSpPr>
          <p:nvPr/>
        </p:nvCxnSpPr>
        <p:spPr>
          <a:xfrm>
            <a:off x="4567344" y="3899327"/>
            <a:ext cx="0" cy="1563717"/>
          </a:xfrm>
          <a:prstGeom prst="line">
            <a:avLst/>
          </a:prstGeom>
          <a:ln w="38100">
            <a:solidFill>
              <a:srgbClr val="FF8800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4" name="Picture 2">
            <a:extLst>
              <a:ext uri="{FF2B5EF4-FFF2-40B4-BE49-F238E27FC236}">
                <a16:creationId xmlns:a16="http://schemas.microsoft.com/office/drawing/2014/main" id="{BCFBFF97-EA01-425E-8D5F-1931C731316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7517570" y="1596228"/>
            <a:ext cx="1474560" cy="983546"/>
          </a:xfrm>
          <a:prstGeom prst="flowChartAlternateProcess">
            <a:avLst/>
          </a:prstGeom>
          <a:noFill/>
          <a:ln w="19050">
            <a:solidFill>
              <a:srgbClr val="00B050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Oval 25">
            <a:extLst>
              <a:ext uri="{FF2B5EF4-FFF2-40B4-BE49-F238E27FC236}">
                <a16:creationId xmlns:a16="http://schemas.microsoft.com/office/drawing/2014/main" id="{5DBE005D-AD26-47A0-ADFF-87271B3F351D}"/>
              </a:ext>
            </a:extLst>
          </p:cNvPr>
          <p:cNvSpPr/>
          <p:nvPr/>
        </p:nvSpPr>
        <p:spPr>
          <a:xfrm>
            <a:off x="6905844" y="2960057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00B050"/>
            </a:solidFill>
          </a:ln>
          <a:effectLst>
            <a:glow rad="63500">
              <a:srgbClr val="00B050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00B050"/>
                </a:solidFill>
                <a:ea typeface="Roboto Light" panose="02000000000000000000" pitchFamily="2" charset="0"/>
              </a:rPr>
              <a:t>2013</a:t>
            </a:r>
            <a:endParaRPr lang="en-US" sz="1600">
              <a:solidFill>
                <a:srgbClr val="00B050"/>
              </a:solidFill>
              <a:ea typeface="Roboto Light" panose="02000000000000000000" pitchFamily="2" charset="0"/>
            </a:endParaRPr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1F893D87-A6B2-4206-BECB-7495EE36F386}"/>
              </a:ext>
            </a:extLst>
          </p:cNvPr>
          <p:cNvCxnSpPr>
            <a:cxnSpLocks/>
          </p:cNvCxnSpPr>
          <p:nvPr/>
        </p:nvCxnSpPr>
        <p:spPr>
          <a:xfrm flipV="1">
            <a:off x="7381011" y="1396341"/>
            <a:ext cx="0" cy="1563717"/>
          </a:xfrm>
          <a:prstGeom prst="line">
            <a:avLst/>
          </a:prstGeom>
          <a:ln w="38100">
            <a:solidFill>
              <a:srgbClr val="00B050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7E199668-9BCB-4803-B156-8A7C76EDA5EA}"/>
              </a:ext>
            </a:extLst>
          </p:cNvPr>
          <p:cNvSpPr txBox="1"/>
          <p:nvPr/>
        </p:nvSpPr>
        <p:spPr>
          <a:xfrm>
            <a:off x="6230984" y="942943"/>
            <a:ext cx="2236219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s-MX" sz="1800">
                <a:solidFill>
                  <a:srgbClr val="00B050"/>
                </a:solidFill>
                <a:latin typeface="+mn-lt"/>
                <a:ea typeface="Roboto Medium" panose="02000000000000000000" pitchFamily="2" charset="0"/>
              </a:rPr>
              <a:t>Microsoft Xbox </a:t>
            </a:r>
            <a:r>
              <a:rPr lang="es-MX" sz="1800" err="1">
                <a:solidFill>
                  <a:srgbClr val="00B050"/>
                </a:solidFill>
                <a:latin typeface="+mn-lt"/>
                <a:ea typeface="Roboto Medium" panose="02000000000000000000" pitchFamily="2" charset="0"/>
              </a:rPr>
              <a:t>One</a:t>
            </a:r>
            <a:endParaRPr lang="en-US" sz="1800">
              <a:solidFill>
                <a:srgbClr val="00B050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AE087AD3-268E-4447-932C-F1BF77879F35}"/>
              </a:ext>
            </a:extLst>
          </p:cNvPr>
          <p:cNvSpPr txBox="1"/>
          <p:nvPr/>
        </p:nvSpPr>
        <p:spPr>
          <a:xfrm>
            <a:off x="5176567" y="1453095"/>
            <a:ext cx="2129383" cy="102335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AMD Jaguar CPU con dos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módulos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Quad-Core,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sumando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8 </a:t>
            </a: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núcleos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de 64 bit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Soportaba</a:t>
            </a:r>
            <a:r>
              <a:rPr lang="en-US" sz="1100">
                <a:solidFill>
                  <a:srgbClr val="00B050"/>
                </a:solidFill>
                <a:latin typeface="+mn-lt"/>
                <a:ea typeface="Roboto Light" panose="02000000000000000000" pitchFamily="2" charset="0"/>
              </a:rPr>
              <a:t> 1080p y 720p 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E13C1A53-3F1B-4EF8-BA37-08E6F589F097}"/>
              </a:ext>
            </a:extLst>
          </p:cNvPr>
          <p:cNvSpPr txBox="1"/>
          <p:nvPr/>
        </p:nvSpPr>
        <p:spPr>
          <a:xfrm>
            <a:off x="8956224" y="5528013"/>
            <a:ext cx="2258887" cy="3692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s-MX" sz="1800">
                <a:solidFill>
                  <a:srgbClr val="154295"/>
                </a:solidFill>
                <a:latin typeface="+mn-lt"/>
                <a:ea typeface="Roboto Medium" panose="02000000000000000000" pitchFamily="2" charset="0"/>
              </a:rPr>
              <a:t>Intel Core i9</a:t>
            </a:r>
            <a:endParaRPr lang="en-US" sz="1800">
              <a:solidFill>
                <a:srgbClr val="154295"/>
              </a:solidFill>
              <a:latin typeface="+mn-lt"/>
              <a:ea typeface="Roboto Medium" panose="02000000000000000000" pitchFamily="2" charset="0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83D34A5C-8BC9-4F59-BF90-E00796AAB20A}"/>
              </a:ext>
            </a:extLst>
          </p:cNvPr>
          <p:cNvSpPr txBox="1"/>
          <p:nvPr/>
        </p:nvSpPr>
        <p:spPr>
          <a:xfrm>
            <a:off x="7846498" y="3992317"/>
            <a:ext cx="2144776" cy="119263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Procesador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de 10 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núcleos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de 64 Bit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Incorpora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7 mil 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millones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de 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transistores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en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un </a:t>
            </a:r>
            <a:r>
              <a:rPr lang="en-US" sz="1100" err="1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volumen</a:t>
            </a:r>
            <a:r>
              <a:rPr lang="en-US" sz="1100">
                <a:solidFill>
                  <a:srgbClr val="154295"/>
                </a:solidFill>
                <a:latin typeface="+mn-lt"/>
                <a:ea typeface="Roboto Light" panose="02000000000000000000" pitchFamily="2" charset="0"/>
              </a:rPr>
              <a:t> de 37.5 mm × 37.5 mm × 4.4 mm   </a:t>
            </a: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6B7DFB32-690C-4006-8D02-49D906453384}"/>
              </a:ext>
            </a:extLst>
          </p:cNvPr>
          <p:cNvSpPr/>
          <p:nvPr/>
        </p:nvSpPr>
        <p:spPr>
          <a:xfrm>
            <a:off x="9615342" y="2960057"/>
            <a:ext cx="940655" cy="940655"/>
          </a:xfrm>
          <a:prstGeom prst="ellipse">
            <a:avLst/>
          </a:prstGeom>
          <a:solidFill>
            <a:schemeClr val="bg1"/>
          </a:solidFill>
          <a:ln w="38100">
            <a:solidFill>
              <a:srgbClr val="154295"/>
            </a:solidFill>
          </a:ln>
          <a:effectLst>
            <a:glow rad="63500">
              <a:srgbClr val="154295">
                <a:alpha val="40000"/>
              </a:srgb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600">
                <a:solidFill>
                  <a:srgbClr val="154295"/>
                </a:solidFill>
                <a:ea typeface="Roboto Light" panose="02000000000000000000" pitchFamily="2" charset="0"/>
              </a:rPr>
              <a:t>2018</a:t>
            </a:r>
            <a:endParaRPr lang="en-US" sz="1600">
              <a:solidFill>
                <a:srgbClr val="154295"/>
              </a:solidFill>
              <a:ea typeface="Roboto Light" panose="02000000000000000000" pitchFamily="2" charset="0"/>
            </a:endParaRPr>
          </a:p>
        </p:txBody>
      </p: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9282786D-028C-447B-91EF-D16F4A10B70B}"/>
              </a:ext>
            </a:extLst>
          </p:cNvPr>
          <p:cNvCxnSpPr>
            <a:cxnSpLocks/>
          </p:cNvCxnSpPr>
          <p:nvPr/>
        </p:nvCxnSpPr>
        <p:spPr>
          <a:xfrm>
            <a:off x="10085667" y="3900712"/>
            <a:ext cx="0" cy="1563717"/>
          </a:xfrm>
          <a:prstGeom prst="line">
            <a:avLst/>
          </a:prstGeom>
          <a:ln w="38100">
            <a:solidFill>
              <a:srgbClr val="154295"/>
            </a:solidFill>
            <a:tailEnd type="oval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5" name="Picture 8">
            <a:extLst>
              <a:ext uri="{FF2B5EF4-FFF2-40B4-BE49-F238E27FC236}">
                <a16:creationId xmlns:a16="http://schemas.microsoft.com/office/drawing/2014/main" id="{F462F344-4B39-417D-B137-ACCD377314B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10230619" y="4136699"/>
            <a:ext cx="1730456" cy="1155327"/>
          </a:xfrm>
          <a:prstGeom prst="roundRect">
            <a:avLst/>
          </a:prstGeom>
          <a:noFill/>
          <a:ln w="19050">
            <a:solidFill>
              <a:srgbClr val="154295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807130382"/>
      </p:ext>
    </p:extLst>
  </p:cSld>
  <p:clrMapOvr>
    <a:masterClrMapping/>
  </p:clrMapOvr>
  <p:transition spd="slow">
    <p:push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B609E0-625B-D3F5-AE12-EBA9BE57E92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err="1"/>
              <a:t>Microcontroladores</a:t>
            </a:r>
            <a:endParaRPr lang="LID4096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A4B14AF-858E-5401-456B-35B1AEC084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/>
              <a:t>TE2015</a:t>
            </a:r>
            <a:endParaRPr lang="LID4096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9F8A0FE-1F15-E543-C1DD-CB07DE332E2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3610079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07B519-1125-38F5-7592-0F7BCCC095B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Microchip fabrication process</a:t>
            </a:r>
            <a:endParaRPr lang="LID4096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943A5A9-31A3-7203-8F60-2E9C98FA61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/>
              <a:t>TE2015 Microcontroladores</a:t>
            </a:r>
            <a:endParaRPr lang="LID4096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4CADEAE-C9D7-2085-17C6-180CD6F8BF4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0389723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D3EF00C6-1A14-FE28-3FF3-A89DB4D2DE0B}"/>
              </a:ext>
            </a:extLst>
          </p:cNvPr>
          <p:cNvSpPr/>
          <p:nvPr/>
        </p:nvSpPr>
        <p:spPr bwMode="auto">
          <a:xfrm>
            <a:off x="1018642" y="1556792"/>
            <a:ext cx="10261140" cy="4875081"/>
          </a:xfrm>
          <a:prstGeom prst="roundRect">
            <a:avLst>
              <a:gd name="adj" fmla="val 4458"/>
            </a:avLst>
          </a:prstGeom>
          <a:solidFill>
            <a:schemeClr val="accent6">
              <a:lumMod val="60000"/>
              <a:lumOff val="4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CD79A13-316E-3078-7919-361861F6F2E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EMICONDUCTORS FABRICATION PROCESS</a:t>
            </a:r>
            <a:endParaRPr lang="LID4096"/>
          </a:p>
        </p:txBody>
      </p:sp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9E1F372B-7FBE-F013-CF4A-DC33DC1521A4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195209740"/>
              </p:ext>
            </p:extLst>
          </p:nvPr>
        </p:nvGraphicFramePr>
        <p:xfrm>
          <a:off x="1774825" y="1706563"/>
          <a:ext cx="9312275" cy="454501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3B33C98-E9C5-C202-43DA-36DF315B0CD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C7C0AFD-7577-7687-B5CA-C619C5CA3DAA}"/>
              </a:ext>
            </a:extLst>
          </p:cNvPr>
          <p:cNvSpPr txBox="1"/>
          <p:nvPr/>
        </p:nvSpPr>
        <p:spPr>
          <a:xfrm rot="16200000">
            <a:off x="-374048" y="3717332"/>
            <a:ext cx="3462486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3600">
                <a:solidFill>
                  <a:schemeClr val="bg1"/>
                </a:solidFill>
                <a:latin typeface="+mn-lt"/>
              </a:rPr>
              <a:t>Photolithography</a:t>
            </a:r>
            <a:endParaRPr lang="LID4096" sz="4400" err="1">
              <a:solidFill>
                <a:schemeClr val="bg1"/>
              </a:solidFill>
              <a:latin typeface="+mn-lt"/>
            </a:endParaRP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E62E2851-0FEB-FD0A-278C-21E4E3866A5A}"/>
              </a:ext>
            </a:extLst>
          </p:cNvPr>
          <p:cNvGrpSpPr/>
          <p:nvPr/>
        </p:nvGrpSpPr>
        <p:grpSpPr>
          <a:xfrm>
            <a:off x="1774726" y="5405642"/>
            <a:ext cx="5292588" cy="832216"/>
            <a:chOff x="5348532" y="2784101"/>
            <a:chExt cx="3962868" cy="832216"/>
          </a:xfrm>
        </p:grpSpPr>
        <p:sp>
          <p:nvSpPr>
            <p:cNvPr id="9" name="Rectangle: Rounded Corners 8">
              <a:extLst>
                <a:ext uri="{FF2B5EF4-FFF2-40B4-BE49-F238E27FC236}">
                  <a16:creationId xmlns:a16="http://schemas.microsoft.com/office/drawing/2014/main" id="{F51E9C73-899E-861C-B0D2-7104F5C8017B}"/>
                </a:ext>
              </a:extLst>
            </p:cNvPr>
            <p:cNvSpPr/>
            <p:nvPr/>
          </p:nvSpPr>
          <p:spPr>
            <a:xfrm>
              <a:off x="5348532" y="2784101"/>
              <a:ext cx="3962868" cy="832216"/>
            </a:xfrm>
            <a:prstGeom prst="roundRect">
              <a:avLst>
                <a:gd name="adj" fmla="val 10000"/>
              </a:avLst>
            </a:prstGeom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4">
                <a:hueOff val="0"/>
                <a:satOff val="0"/>
                <a:lumOff val="0"/>
                <a:alphaOff val="0"/>
              </a:schemeClr>
            </a:fillRef>
            <a:effectRef idx="0">
              <a:schemeClr val="accent4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</p:sp>
        <p:sp>
          <p:nvSpPr>
            <p:cNvPr id="10" name="Rectangle: Rounded Corners 4">
              <a:extLst>
                <a:ext uri="{FF2B5EF4-FFF2-40B4-BE49-F238E27FC236}">
                  <a16:creationId xmlns:a16="http://schemas.microsoft.com/office/drawing/2014/main" id="{FF4F26DF-6107-B4DC-9A76-A035FE1DA66C}"/>
                </a:ext>
              </a:extLst>
            </p:cNvPr>
            <p:cNvSpPr txBox="1"/>
            <p:nvPr/>
          </p:nvSpPr>
          <p:spPr>
            <a:xfrm>
              <a:off x="5372907" y="2808476"/>
              <a:ext cx="3914118" cy="783466"/>
            </a:xfrm>
            <a:prstGeom prst="rect">
              <a:avLst/>
            </a:prstGeom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4770" tIns="64770" rIns="64770" bIns="64770" numCol="1" spcCol="1270" anchor="ctr" anchorCtr="0">
              <a:noAutofit/>
            </a:bodyPr>
            <a:lstStyle/>
            <a:p>
              <a:pPr marL="0" lvl="0" indent="0" algn="ctr" defTabSz="75565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US" sz="1700" kern="1200"/>
                <a:t>Amplifiers, filters, etc.</a:t>
              </a:r>
              <a:endParaRPr lang="LID4096" sz="1700" kern="1200"/>
            </a:p>
          </p:txBody>
        </p:sp>
      </p:grpSp>
    </p:spTree>
    <p:extLst>
      <p:ext uri="{BB962C8B-B14F-4D97-AF65-F5344CB8AC3E}">
        <p14:creationId xmlns:p14="http://schemas.microsoft.com/office/powerpoint/2010/main" val="422604569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CF3D80-5F75-D803-E05E-8CDE57CA76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S</a:t>
            </a:r>
            <a:r>
              <a:rPr lang="en-US" err="1"/>
              <a:t>EMICONDUCTORS</a:t>
            </a:r>
            <a:r>
              <a:rPr lang="en-US"/>
              <a:t> FABRICATION PROCESS</a:t>
            </a:r>
            <a:endParaRPr lang="LID4096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9146B0-A930-44B5-A3B5-9C6450E1F5E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D51725-938A-374B-AAC7-5D7ED71FB7E0}" type="slidenum">
              <a:rPr lang="es-MX" smtClean="0"/>
              <a:t>22</a:t>
            </a:fld>
            <a:endParaRPr lang="es-MX"/>
          </a:p>
        </p:txBody>
      </p:sp>
      <p:graphicFrame>
        <p:nvGraphicFramePr>
          <p:cNvPr id="16" name="Content Placeholder 9">
            <a:extLst>
              <a:ext uri="{FF2B5EF4-FFF2-40B4-BE49-F238E27FC236}">
                <a16:creationId xmlns:a16="http://schemas.microsoft.com/office/drawing/2014/main" id="{5BA8A0B3-AB12-A573-BE39-18E41ECF9F18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2663162940"/>
              </p:ext>
            </p:extLst>
          </p:nvPr>
        </p:nvGraphicFramePr>
        <p:xfrm>
          <a:off x="1774825" y="1706563"/>
          <a:ext cx="9312275" cy="454501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93403196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7E29A40-315D-08AF-F5B0-2DD75F8AD89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/>
          </a:p>
        </p:txBody>
      </p:sp>
      <p:pic>
        <p:nvPicPr>
          <p:cNvPr id="4" name="Online Media 3" title="Intel: The Making of a Chip with 22nm/3D Transistors | Intel">
            <a:hlinkClick r:id="" action="ppaction://media"/>
            <a:extLst>
              <a:ext uri="{FF2B5EF4-FFF2-40B4-BE49-F238E27FC236}">
                <a16:creationId xmlns:a16="http://schemas.microsoft.com/office/drawing/2014/main" id="{B15587F0-C9EB-DAC0-353A-69AE974F1A84}"/>
              </a:ext>
            </a:extLst>
          </p:cNvPr>
          <p:cNvPicPr>
            <a:picLocks noRot="1" noChangeAspect="1"/>
          </p:cNvPicPr>
          <p:nvPr>
            <a:videoFile r:link="rId1"/>
          </p:nvPr>
        </p:nvPicPr>
        <p:blipFill>
          <a:blip r:embed="rId3"/>
          <a:stretch>
            <a:fillRect/>
          </a:stretch>
        </p:blipFill>
        <p:spPr>
          <a:xfrm>
            <a:off x="1239984" y="685800"/>
            <a:ext cx="9710443" cy="5486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737618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4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4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4"/>
                  </p:tgtEl>
                </p:cond>
              </p:nextCondLst>
            </p:seq>
          </p:childTnLst>
        </p:cTn>
      </p:par>
    </p:tn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0" name="Picture 6" descr="Intel Core i9-10900K der8auer De-Lidding Reveals Accurate Die-Size  Measurements | TechPowerUp">
            <a:extLst>
              <a:ext uri="{FF2B5EF4-FFF2-40B4-BE49-F238E27FC236}">
                <a16:creationId xmlns:a16="http://schemas.microsoft.com/office/drawing/2014/main" id="{7E441AC6-650B-5ED6-84C7-7D7DFC4486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64269" y="1572422"/>
            <a:ext cx="3600617" cy="2017171"/>
          </a:xfrm>
          <a:prstGeom prst="roundRect">
            <a:avLst>
              <a:gd name="adj" fmla="val 10528"/>
            </a:avLst>
          </a:prstGeom>
          <a:noFill/>
          <a:ln w="19050">
            <a:solidFill>
              <a:srgbClr val="00B050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5" name="Picture 2">
            <a:extLst>
              <a:ext uri="{FF2B5EF4-FFF2-40B4-BE49-F238E27FC236}">
                <a16:creationId xmlns:a16="http://schemas.microsoft.com/office/drawing/2014/main" id="{5203BEE3-FDD6-976B-C0B8-8E689ACB578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278782" y="1520788"/>
            <a:ext cx="1666333" cy="1110888"/>
          </a:xfrm>
          <a:prstGeom prst="flowChartAlternateProcess">
            <a:avLst/>
          </a:prstGeom>
          <a:noFill/>
          <a:ln w="19050">
            <a:solidFill>
              <a:srgbClr val="00B050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E214820B-3200-47B3-8466-655D07C1A3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2903" y="980727"/>
            <a:ext cx="4947456" cy="418115"/>
          </a:xfrm>
        </p:spPr>
        <p:txBody>
          <a:bodyPr/>
          <a:lstStyle/>
          <a:p>
            <a:pPr algn="ctr"/>
            <a:r>
              <a:rPr lang="es-MX">
                <a:solidFill>
                  <a:schemeClr val="tx1"/>
                </a:solidFill>
                <a:ea typeface="Roboto Thin" panose="02000000000000000000" pitchFamily="2" charset="0"/>
              </a:rPr>
              <a:t>INTEL 4004 (1971)</a:t>
            </a:r>
            <a:endParaRPr lang="en-US">
              <a:solidFill>
                <a:schemeClr val="tx1"/>
              </a:solidFill>
              <a:ea typeface="Roboto Thin" panose="02000000000000000000" pitchFamily="2" charset="0"/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222ACBC-3EE8-4E3E-5009-6C00971ABF56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914394" y="980727"/>
            <a:ext cx="5700366" cy="417767"/>
          </a:xfrm>
        </p:spPr>
        <p:txBody>
          <a:bodyPr/>
          <a:lstStyle/>
          <a:p>
            <a:pPr algn="ctr"/>
            <a:r>
              <a:rPr lang="en-US"/>
              <a:t>INTEL CORE </a:t>
            </a:r>
            <a:r>
              <a:rPr lang="en-US" err="1"/>
              <a:t>i9-9900K</a:t>
            </a:r>
            <a:r>
              <a:rPr lang="en-US"/>
              <a:t> (2018)</a:t>
            </a:r>
          </a:p>
        </p:txBody>
      </p:sp>
      <p:pic>
        <p:nvPicPr>
          <p:cNvPr id="19" name="Picture 4">
            <a:extLst>
              <a:ext uri="{FF2B5EF4-FFF2-40B4-BE49-F238E27FC236}">
                <a16:creationId xmlns:a16="http://schemas.microsoft.com/office/drawing/2014/main" id="{8E8697E4-6E95-D4AA-89B2-FDACB26EED0F}"/>
              </a:ext>
            </a:extLst>
          </p:cNvPr>
          <p:cNvPicPr>
            <a:picLocks noGrp="1" noChangeAspect="1" noChangeArrowheads="1"/>
          </p:cNvPicPr>
          <p:nvPr>
            <p:ph type="pic" sz="quarter" idx="20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24" r="-24"/>
          <a:stretch/>
        </p:blipFill>
        <p:spPr bwMode="auto">
          <a:xfrm>
            <a:off x="6478577" y="3835814"/>
            <a:ext cx="4572000" cy="213653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2">
            <a:extLst>
              <a:ext uri="{FF2B5EF4-FFF2-40B4-BE49-F238E27FC236}">
                <a16:creationId xmlns:a16="http://schemas.microsoft.com/office/drawing/2014/main" id="{6894AA9C-0C67-0DF2-816C-E4EE43D2EF86}"/>
              </a:ext>
            </a:extLst>
          </p:cNvPr>
          <p:cNvPicPr>
            <a:picLocks noGrp="1" noChangeAspect="1" noChangeArrowheads="1"/>
          </p:cNvPicPr>
          <p:nvPr>
            <p:ph type="pic" sz="quarter" idx="18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511" r="10511"/>
          <a:stretch>
            <a:fillRect/>
          </a:stretch>
        </p:blipFill>
        <p:spPr bwMode="auto">
          <a:xfrm>
            <a:off x="825949" y="2721014"/>
            <a:ext cx="4572000" cy="32562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CE515202-8223-02DC-0917-E2DE5406A502}"/>
              </a:ext>
            </a:extLst>
          </p:cNvPr>
          <p:cNvSpPr txBox="1"/>
          <p:nvPr/>
        </p:nvSpPr>
        <p:spPr>
          <a:xfrm>
            <a:off x="825949" y="5977303"/>
            <a:ext cx="4572000" cy="246221"/>
          </a:xfrm>
          <a:prstGeom prst="rect">
            <a:avLst/>
          </a:prstGeom>
          <a:solidFill>
            <a:srgbClr val="0B108C"/>
          </a:solidFill>
        </p:spPr>
        <p:txBody>
          <a:bodyPr wrap="squar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MX">
                <a:solidFill>
                  <a:schemeClr val="bg1"/>
                </a:solidFill>
                <a:latin typeface="+mn-lt"/>
              </a:rPr>
              <a:t>2300 </a:t>
            </a:r>
            <a:r>
              <a:rPr lang="es-MX" err="1">
                <a:solidFill>
                  <a:schemeClr val="bg1"/>
                </a:solidFill>
                <a:latin typeface="+mn-lt"/>
              </a:rPr>
              <a:t>transistors</a:t>
            </a:r>
            <a:r>
              <a:rPr lang="es-MX">
                <a:solidFill>
                  <a:schemeClr val="bg1"/>
                </a:solidFill>
                <a:latin typeface="+mn-lt"/>
              </a:rPr>
              <a:t> in 4 mm x 3 mm</a:t>
            </a:r>
            <a:endParaRPr lang="en-US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753C36F-77AE-EEB7-863B-83D83DE41DE5}"/>
              </a:ext>
            </a:extLst>
          </p:cNvPr>
          <p:cNvSpPr txBox="1"/>
          <p:nvPr/>
        </p:nvSpPr>
        <p:spPr>
          <a:xfrm>
            <a:off x="6478577" y="5967457"/>
            <a:ext cx="4572000" cy="246221"/>
          </a:xfrm>
          <a:prstGeom prst="rect">
            <a:avLst/>
          </a:prstGeom>
          <a:solidFill>
            <a:srgbClr val="0B108C"/>
          </a:solidFill>
        </p:spPr>
        <p:txBody>
          <a:bodyPr wrap="squar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MX">
                <a:solidFill>
                  <a:schemeClr val="bg1"/>
                </a:solidFill>
                <a:latin typeface="+mn-lt"/>
              </a:rPr>
              <a:t>~7 </a:t>
            </a:r>
            <a:r>
              <a:rPr lang="es-MX" err="1">
                <a:solidFill>
                  <a:schemeClr val="bg1"/>
                </a:solidFill>
                <a:latin typeface="+mn-lt"/>
              </a:rPr>
              <a:t>billion</a:t>
            </a:r>
            <a:r>
              <a:rPr lang="es-MX">
                <a:solidFill>
                  <a:schemeClr val="bg1"/>
                </a:solidFill>
                <a:latin typeface="+mn-lt"/>
              </a:rPr>
              <a:t> </a:t>
            </a:r>
            <a:r>
              <a:rPr lang="es-MX" err="1">
                <a:solidFill>
                  <a:schemeClr val="bg1"/>
                </a:solidFill>
                <a:latin typeface="+mn-lt"/>
              </a:rPr>
              <a:t>transistors</a:t>
            </a:r>
            <a:r>
              <a:rPr lang="es-MX">
                <a:solidFill>
                  <a:schemeClr val="bg1"/>
                </a:solidFill>
                <a:latin typeface="+mn-lt"/>
              </a:rPr>
              <a:t> in 9.2 mm x 19.6 mm</a:t>
            </a:r>
            <a:endParaRPr lang="en-US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6179AF6-81FB-2645-1FE4-96CFFBAABE58}"/>
              </a:ext>
            </a:extLst>
          </p:cNvPr>
          <p:cNvSpPr txBox="1"/>
          <p:nvPr/>
        </p:nvSpPr>
        <p:spPr>
          <a:xfrm>
            <a:off x="829558" y="6219890"/>
            <a:ext cx="4572000" cy="246221"/>
          </a:xfrm>
          <a:prstGeom prst="rect">
            <a:avLst/>
          </a:prstGeom>
          <a:solidFill>
            <a:srgbClr val="0B108C"/>
          </a:solidFill>
        </p:spPr>
        <p:txBody>
          <a:bodyPr wrap="squar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MX">
                <a:solidFill>
                  <a:schemeClr val="bg1"/>
                </a:solidFill>
                <a:latin typeface="+mn-lt"/>
              </a:rPr>
              <a:t>192 </a:t>
            </a:r>
            <a:r>
              <a:rPr lang="es-MX" err="1">
                <a:solidFill>
                  <a:schemeClr val="bg1"/>
                </a:solidFill>
                <a:latin typeface="+mn-lt"/>
              </a:rPr>
              <a:t>transistors</a:t>
            </a:r>
            <a:r>
              <a:rPr lang="es-MX">
                <a:solidFill>
                  <a:schemeClr val="bg1"/>
                </a:solidFill>
                <a:latin typeface="+mn-lt"/>
              </a:rPr>
              <a:t>/</a:t>
            </a:r>
            <a:r>
              <a:rPr lang="es-MX" err="1">
                <a:solidFill>
                  <a:schemeClr val="bg1"/>
                </a:solidFill>
                <a:latin typeface="+mn-lt"/>
              </a:rPr>
              <a:t>mm</a:t>
            </a:r>
            <a:r>
              <a:rPr lang="es-MX" baseline="30000" err="1">
                <a:solidFill>
                  <a:schemeClr val="bg1"/>
                </a:solidFill>
                <a:latin typeface="+mn-lt"/>
              </a:rPr>
              <a:t>2</a:t>
            </a:r>
            <a:endParaRPr lang="en-US" baseline="3000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80D870DC-AAAA-48AE-4FCD-59B533E8095F}"/>
              </a:ext>
            </a:extLst>
          </p:cNvPr>
          <p:cNvSpPr txBox="1"/>
          <p:nvPr/>
        </p:nvSpPr>
        <p:spPr>
          <a:xfrm>
            <a:off x="6478577" y="6213678"/>
            <a:ext cx="4572000" cy="246221"/>
          </a:xfrm>
          <a:prstGeom prst="rect">
            <a:avLst/>
          </a:prstGeom>
          <a:solidFill>
            <a:srgbClr val="0B108C"/>
          </a:solidFill>
        </p:spPr>
        <p:txBody>
          <a:bodyPr wrap="squar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MX">
                <a:solidFill>
                  <a:schemeClr val="bg1"/>
                </a:solidFill>
                <a:latin typeface="+mn-lt"/>
              </a:rPr>
              <a:t>39 </a:t>
            </a:r>
            <a:r>
              <a:rPr lang="es-MX" err="1">
                <a:solidFill>
                  <a:schemeClr val="bg1"/>
                </a:solidFill>
                <a:latin typeface="+mn-lt"/>
              </a:rPr>
              <a:t>million</a:t>
            </a:r>
            <a:r>
              <a:rPr lang="es-MX">
                <a:solidFill>
                  <a:schemeClr val="bg1"/>
                </a:solidFill>
                <a:latin typeface="+mn-lt"/>
              </a:rPr>
              <a:t> </a:t>
            </a:r>
            <a:r>
              <a:rPr lang="es-MX" err="1">
                <a:solidFill>
                  <a:schemeClr val="bg1"/>
                </a:solidFill>
                <a:latin typeface="+mn-lt"/>
              </a:rPr>
              <a:t>transistors</a:t>
            </a:r>
            <a:r>
              <a:rPr lang="es-MX">
                <a:solidFill>
                  <a:schemeClr val="bg1"/>
                </a:solidFill>
                <a:latin typeface="+mn-lt"/>
              </a:rPr>
              <a:t>/</a:t>
            </a:r>
            <a:r>
              <a:rPr lang="es-MX" err="1">
                <a:solidFill>
                  <a:schemeClr val="bg1"/>
                </a:solidFill>
                <a:latin typeface="+mn-lt"/>
              </a:rPr>
              <a:t>mm</a:t>
            </a:r>
            <a:r>
              <a:rPr lang="es-MX" baseline="30000" err="1">
                <a:solidFill>
                  <a:schemeClr val="bg1"/>
                </a:solidFill>
                <a:latin typeface="+mn-lt"/>
              </a:rPr>
              <a:t>2</a:t>
            </a:r>
            <a:endParaRPr lang="en-US" baseline="30000" err="1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91148166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F9A323-8281-8FB0-4239-E4EA504CF76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7200"/>
              <a:t>Von Neumann and Harvard Architectures</a:t>
            </a:r>
            <a:endParaRPr lang="LID4096" sz="720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3042BED-98C5-70EA-875F-0834AE95EF8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/>
              <a:t>TE2015 Microcontroladores</a:t>
            </a:r>
            <a:endParaRPr lang="LID4096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B6E69C-694D-5402-A886-B1A145BE6E5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1896318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8824DEA-1ECB-8BF2-31E6-EAB5A729F61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/>
          </a:p>
        </p:txBody>
      </p:sp>
      <p:pic>
        <p:nvPicPr>
          <p:cNvPr id="7" name="Picture 6" descr="Qr code&#10;&#10;Description automatically generated">
            <a:extLst>
              <a:ext uri="{FF2B5EF4-FFF2-40B4-BE49-F238E27FC236}">
                <a16:creationId xmlns:a16="http://schemas.microsoft.com/office/drawing/2014/main" id="{105D1248-ED93-FCBF-0F8F-7962C6674B2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62413" y="1596207"/>
            <a:ext cx="3665585" cy="3665585"/>
          </a:xfrm>
          <a:prstGeom prst="roundRect">
            <a:avLst>
              <a:gd name="adj" fmla="val 6916"/>
            </a:avLst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BA91A84E-BA37-BF5A-4847-AED53DCC0D51}"/>
              </a:ext>
            </a:extLst>
          </p:cNvPr>
          <p:cNvSpPr txBox="1"/>
          <p:nvPr/>
        </p:nvSpPr>
        <p:spPr>
          <a:xfrm>
            <a:off x="4625238" y="5351239"/>
            <a:ext cx="2939933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LID4096" b="1">
                <a:latin typeface="+mj-lt"/>
              </a:rPr>
              <a:t>https://bit.ly/TE2015MIRO</a:t>
            </a:r>
          </a:p>
        </p:txBody>
      </p:sp>
    </p:spTree>
    <p:extLst>
      <p:ext uri="{BB962C8B-B14F-4D97-AF65-F5344CB8AC3E}">
        <p14:creationId xmlns:p14="http://schemas.microsoft.com/office/powerpoint/2010/main" val="2866763072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B75BE9C-8E1A-FF33-2CE7-AA97170BE32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6BE84EB-E2CD-04C3-8537-D9B86EE052D5}"/>
              </a:ext>
            </a:extLst>
          </p:cNvPr>
          <p:cNvSpPr txBox="1"/>
          <p:nvPr/>
        </p:nvSpPr>
        <p:spPr>
          <a:xfrm>
            <a:off x="8748175" y="6561100"/>
            <a:ext cx="3190875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LID4096" sz="1200">
                <a:solidFill>
                  <a:srgbClr val="E2FA00"/>
                </a:solidFill>
                <a:latin typeface="+mj-lt"/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youtu.be/5BpgAHBZgec</a:t>
            </a:r>
            <a:endParaRPr lang="LID4096" sz="1200">
              <a:solidFill>
                <a:srgbClr val="E2FA00"/>
              </a:solidFill>
              <a:latin typeface="+mj-lt"/>
            </a:endParaRPr>
          </a:p>
        </p:txBody>
      </p:sp>
      <p:pic>
        <p:nvPicPr>
          <p:cNvPr id="6" name="Online Media 5" title="The Von Neumann Architecture">
            <a:hlinkClick r:id="" action="ppaction://media"/>
            <a:extLst>
              <a:ext uri="{FF2B5EF4-FFF2-40B4-BE49-F238E27FC236}">
                <a16:creationId xmlns:a16="http://schemas.microsoft.com/office/drawing/2014/main" id="{7899A917-94CD-CB2B-70A9-25C67B16E55B}"/>
              </a:ext>
            </a:extLst>
          </p:cNvPr>
          <p:cNvPicPr>
            <a:picLocks noRot="1" noChangeAspect="1"/>
          </p:cNvPicPr>
          <p:nvPr>
            <a:videoFile r:link="rId1"/>
          </p:nvPr>
        </p:nvPicPr>
        <p:blipFill>
          <a:blip r:embed="rId4"/>
          <a:stretch>
            <a:fillRect/>
          </a:stretch>
        </p:blipFill>
        <p:spPr>
          <a:xfrm>
            <a:off x="888985" y="199505"/>
            <a:ext cx="10916893" cy="61680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3207832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6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6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6"/>
                  </p:tgtEl>
                </p:cond>
              </p:nextCondLst>
            </p:seq>
          </p:childTnLst>
        </p:cTn>
      </p:par>
    </p:tn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AD7608-0A04-4E52-AD9D-A34B2B8108B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solidFill>
                  <a:srgbClr val="0000A0"/>
                </a:solidFill>
                <a:ea typeface="Roboto Thin" panose="02000000000000000000" pitchFamily="2" charset="0"/>
              </a:rPr>
              <a:t>VON NEUMANN ARCHITECTURE</a:t>
            </a:r>
          </a:p>
        </p:txBody>
      </p:sp>
      <p:sp>
        <p:nvSpPr>
          <p:cNvPr id="46" name="Content Placeholder 45">
            <a:extLst>
              <a:ext uri="{FF2B5EF4-FFF2-40B4-BE49-F238E27FC236}">
                <a16:creationId xmlns:a16="http://schemas.microsoft.com/office/drawing/2014/main" id="{68EC3145-7562-B817-B491-677D9A8284E3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 anchor="ctr"/>
          <a:lstStyle/>
          <a:p>
            <a:r>
              <a:rPr lang="en-US" sz="1600" kern="0">
                <a:latin typeface="+mj-lt"/>
                <a:ea typeface="Roboto Light" panose="02000000000000000000" pitchFamily="2" charset="0"/>
              </a:rPr>
              <a:t>The CPU includes the </a:t>
            </a:r>
            <a:r>
              <a:rPr lang="en-US" sz="1600" kern="0">
                <a:solidFill>
                  <a:srgbClr val="0070C0"/>
                </a:solidFill>
                <a:latin typeface="+mj-lt"/>
                <a:ea typeface="Roboto Light" panose="02000000000000000000" pitchFamily="2" charset="0"/>
              </a:rPr>
              <a:t>ALU</a:t>
            </a:r>
            <a:r>
              <a:rPr lang="en-US" sz="1600" kern="0">
                <a:latin typeface="+mj-lt"/>
                <a:ea typeface="Roboto Light" panose="02000000000000000000" pitchFamily="2" charset="0"/>
              </a:rPr>
              <a:t> and </a:t>
            </a:r>
            <a:r>
              <a:rPr lang="en-US" sz="1600" kern="0">
                <a:solidFill>
                  <a:srgbClr val="0070C0"/>
                </a:solidFill>
                <a:latin typeface="+mj-lt"/>
                <a:ea typeface="Roboto Light" panose="02000000000000000000" pitchFamily="2" charset="0"/>
              </a:rPr>
              <a:t>Control</a:t>
            </a:r>
            <a:r>
              <a:rPr lang="en-US" sz="1600" kern="0">
                <a:latin typeface="+mj-lt"/>
                <a:ea typeface="Roboto Light" panose="02000000000000000000" pitchFamily="2" charset="0"/>
              </a:rPr>
              <a:t> units, plus some </a:t>
            </a:r>
            <a:r>
              <a:rPr lang="en-US" sz="1600" kern="0">
                <a:solidFill>
                  <a:srgbClr val="0070C0"/>
                </a:solidFill>
                <a:latin typeface="+mj-lt"/>
                <a:ea typeface="Roboto Light" panose="02000000000000000000" pitchFamily="2" charset="0"/>
              </a:rPr>
              <a:t>Registers</a:t>
            </a:r>
          </a:p>
          <a:p>
            <a:r>
              <a:rPr lang="en-US" sz="1600" kern="0">
                <a:latin typeface="+mj-lt"/>
                <a:ea typeface="Roboto Light" panose="02000000000000000000" pitchFamily="2" charset="0"/>
              </a:rPr>
              <a:t>Memory address bus is implicit in data bus between Control and Memory</a:t>
            </a:r>
          </a:p>
          <a:p>
            <a:r>
              <a:rPr lang="en-US" sz="1600" kern="0">
                <a:latin typeface="+mj-lt"/>
                <a:ea typeface="Roboto Light" panose="02000000000000000000" pitchFamily="2" charset="0"/>
              </a:rPr>
              <a:t>Registers are </a:t>
            </a:r>
            <a:r>
              <a:rPr lang="en-US" sz="1600" kern="0">
                <a:solidFill>
                  <a:srgbClr val="7030A0"/>
                </a:solidFill>
                <a:latin typeface="+mj-lt"/>
                <a:ea typeface="Roboto Light" panose="02000000000000000000" pitchFamily="2" charset="0"/>
              </a:rPr>
              <a:t>small memories built into the CPU</a:t>
            </a:r>
            <a:r>
              <a:rPr lang="en-US" sz="1600" kern="0">
                <a:latin typeface="+mj-lt"/>
                <a:ea typeface="Roboto Light" panose="02000000000000000000" pitchFamily="2" charset="0"/>
              </a:rPr>
              <a:t> for fast access to data (low latency)</a:t>
            </a:r>
          </a:p>
          <a:p>
            <a:r>
              <a:rPr lang="en-US" sz="1600" kern="0">
                <a:latin typeface="+mj-lt"/>
                <a:ea typeface="Roboto Light" panose="02000000000000000000" pitchFamily="2" charset="0"/>
              </a:rPr>
              <a:t>The main registers in this architecture are</a:t>
            </a:r>
          </a:p>
          <a:p>
            <a:pPr lvl="1"/>
            <a:r>
              <a:rPr lang="en-US" sz="1600" kern="0">
                <a:solidFill>
                  <a:srgbClr val="00B0F0"/>
                </a:solidFill>
                <a:latin typeface="+mj-lt"/>
                <a:ea typeface="Roboto Light" panose="02000000000000000000" pitchFamily="2" charset="0"/>
              </a:rPr>
              <a:t>Program counter (PC)</a:t>
            </a:r>
          </a:p>
          <a:p>
            <a:pPr lvl="1"/>
            <a:r>
              <a:rPr lang="en-US" sz="1600" kern="0">
                <a:solidFill>
                  <a:srgbClr val="00B0F0"/>
                </a:solidFill>
                <a:latin typeface="+mj-lt"/>
                <a:ea typeface="Roboto Light" panose="02000000000000000000" pitchFamily="2" charset="0"/>
              </a:rPr>
              <a:t>Accumulator (AC)</a:t>
            </a:r>
          </a:p>
          <a:p>
            <a:pPr lvl="1"/>
            <a:r>
              <a:rPr lang="en-US" sz="1600" kern="0">
                <a:solidFill>
                  <a:srgbClr val="00B0F0"/>
                </a:solidFill>
                <a:latin typeface="+mj-lt"/>
                <a:ea typeface="Roboto Light" panose="02000000000000000000" pitchFamily="2" charset="0"/>
              </a:rPr>
              <a:t>Memory address (MAR)</a:t>
            </a:r>
          </a:p>
          <a:p>
            <a:pPr lvl="1"/>
            <a:r>
              <a:rPr lang="en-US" sz="1600" kern="0">
                <a:solidFill>
                  <a:srgbClr val="00B0F0"/>
                </a:solidFill>
                <a:latin typeface="+mj-lt"/>
                <a:ea typeface="Roboto Light" panose="02000000000000000000" pitchFamily="2" charset="0"/>
              </a:rPr>
              <a:t>Memory data (MDR)</a:t>
            </a:r>
          </a:p>
          <a:p>
            <a:pPr lvl="1"/>
            <a:r>
              <a:rPr lang="en-US" sz="1600" kern="0">
                <a:solidFill>
                  <a:srgbClr val="00B0F0"/>
                </a:solidFill>
                <a:latin typeface="+mj-lt"/>
                <a:ea typeface="Roboto Light" panose="02000000000000000000" pitchFamily="2" charset="0"/>
              </a:rPr>
              <a:t>Instruction (IR)</a:t>
            </a:r>
          </a:p>
          <a:p>
            <a:r>
              <a:rPr lang="en-US" sz="1600" kern="0">
                <a:latin typeface="+mj-lt"/>
                <a:ea typeface="Roboto Light" panose="02000000000000000000" pitchFamily="2" charset="0"/>
              </a:rPr>
              <a:t>Main memory holds </a:t>
            </a:r>
            <a:r>
              <a:rPr lang="en-US" sz="1600" kern="0">
                <a:solidFill>
                  <a:srgbClr val="00B050"/>
                </a:solidFill>
                <a:latin typeface="+mj-lt"/>
                <a:ea typeface="Roboto Light" panose="02000000000000000000" pitchFamily="2" charset="0"/>
              </a:rPr>
              <a:t>instructions and data </a:t>
            </a:r>
          </a:p>
          <a:p>
            <a:r>
              <a:rPr lang="en-US" sz="1600" kern="0">
                <a:latin typeface="+mj-lt"/>
                <a:ea typeface="Roboto Light" panose="02000000000000000000" pitchFamily="2" charset="0"/>
              </a:rPr>
              <a:t>The Input/Output unit is a </a:t>
            </a:r>
            <a:r>
              <a:rPr lang="en-US" sz="1600" kern="0">
                <a:solidFill>
                  <a:srgbClr val="FF9500"/>
                </a:solidFill>
                <a:latin typeface="+mj-lt"/>
                <a:ea typeface="Roboto Light" panose="02000000000000000000" pitchFamily="2" charset="0"/>
              </a:rPr>
              <a:t>signal conditioning stage</a:t>
            </a:r>
            <a:r>
              <a:rPr lang="en-US" sz="1600" kern="0">
                <a:latin typeface="+mj-lt"/>
                <a:ea typeface="Roboto Light" panose="02000000000000000000" pitchFamily="2" charset="0"/>
              </a:rPr>
              <a:t> for incoming/outcoming data</a:t>
            </a:r>
          </a:p>
        </p:txBody>
      </p:sp>
      <p:grpSp>
        <p:nvGrpSpPr>
          <p:cNvPr id="101" name="Group 100">
            <a:extLst>
              <a:ext uri="{FF2B5EF4-FFF2-40B4-BE49-F238E27FC236}">
                <a16:creationId xmlns:a16="http://schemas.microsoft.com/office/drawing/2014/main" id="{973E7840-2615-D90D-774D-202AAE125BCB}"/>
              </a:ext>
            </a:extLst>
          </p:cNvPr>
          <p:cNvGrpSpPr/>
          <p:nvPr/>
        </p:nvGrpSpPr>
        <p:grpSpPr>
          <a:xfrm>
            <a:off x="521221" y="1992722"/>
            <a:ext cx="5573985" cy="3808227"/>
            <a:chOff x="158905" y="2203960"/>
            <a:chExt cx="5573985" cy="3808227"/>
          </a:xfrm>
        </p:grpSpPr>
        <p:sp>
          <p:nvSpPr>
            <p:cNvPr id="102" name="Arrow: Down 101">
              <a:extLst>
                <a:ext uri="{FF2B5EF4-FFF2-40B4-BE49-F238E27FC236}">
                  <a16:creationId xmlns:a16="http://schemas.microsoft.com/office/drawing/2014/main" id="{94C6A5DA-F5CB-5FB4-C512-67C7EE56E3CC}"/>
                </a:ext>
              </a:extLst>
            </p:cNvPr>
            <p:cNvSpPr/>
            <p:nvPr/>
          </p:nvSpPr>
          <p:spPr>
            <a:xfrm rot="10800000">
              <a:off x="3023657" y="4806953"/>
              <a:ext cx="293004" cy="527443"/>
            </a:xfrm>
            <a:prstGeom prst="downArrow">
              <a:avLst/>
            </a:prstGeom>
            <a:solidFill>
              <a:srgbClr val="FF9500"/>
            </a:solidFill>
            <a:ln>
              <a:noFill/>
            </a:ln>
            <a:effectLst>
              <a:outerShdw blurRad="50800" dist="38100" dir="13500000" algn="br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800"/>
            </a:p>
          </p:txBody>
        </p:sp>
        <p:sp>
          <p:nvSpPr>
            <p:cNvPr id="103" name="Arrow: Down 102">
              <a:extLst>
                <a:ext uri="{FF2B5EF4-FFF2-40B4-BE49-F238E27FC236}">
                  <a16:creationId xmlns:a16="http://schemas.microsoft.com/office/drawing/2014/main" id="{7B37434C-852E-078C-30E6-718314AA6B6F}"/>
                </a:ext>
              </a:extLst>
            </p:cNvPr>
            <p:cNvSpPr/>
            <p:nvPr/>
          </p:nvSpPr>
          <p:spPr>
            <a:xfrm>
              <a:off x="2534256" y="4801953"/>
              <a:ext cx="293004" cy="527445"/>
            </a:xfrm>
            <a:prstGeom prst="downArrow">
              <a:avLst/>
            </a:prstGeom>
            <a:solidFill>
              <a:srgbClr val="FF9500"/>
            </a:solidFill>
            <a:ln>
              <a:noFill/>
            </a:ln>
            <a:effectLst>
              <a:outerShdw blurRad="50800" dist="38100" dir="13500000" algn="br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800"/>
            </a:p>
          </p:txBody>
        </p:sp>
        <p:sp>
          <p:nvSpPr>
            <p:cNvPr id="104" name="Arrow: Bent 103">
              <a:extLst>
                <a:ext uri="{FF2B5EF4-FFF2-40B4-BE49-F238E27FC236}">
                  <a16:creationId xmlns:a16="http://schemas.microsoft.com/office/drawing/2014/main" id="{C01C9BAC-7399-66BE-2F0B-6188CA180017}"/>
                </a:ext>
              </a:extLst>
            </p:cNvPr>
            <p:cNvSpPr/>
            <p:nvPr/>
          </p:nvSpPr>
          <p:spPr>
            <a:xfrm>
              <a:off x="993861" y="3048538"/>
              <a:ext cx="1421497" cy="933678"/>
            </a:xfrm>
            <a:prstGeom prst="bentArrow">
              <a:avLst>
                <a:gd name="adj1" fmla="val 18792"/>
                <a:gd name="adj2" fmla="val 19827"/>
                <a:gd name="adj3" fmla="val 25000"/>
                <a:gd name="adj4" fmla="val 43750"/>
              </a:avLst>
            </a:prstGeom>
            <a:solidFill>
              <a:srgbClr val="FF9500"/>
            </a:solidFill>
            <a:ln>
              <a:noFill/>
            </a:ln>
            <a:effectLst>
              <a:outerShdw blurRad="50800" dist="38100" dir="8100000" algn="tr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800">
                <a:solidFill>
                  <a:schemeClr val="tx1"/>
                </a:solidFill>
              </a:endParaRPr>
            </a:p>
          </p:txBody>
        </p:sp>
        <p:sp>
          <p:nvSpPr>
            <p:cNvPr id="105" name="Arrow: U-Turn 104">
              <a:extLst>
                <a:ext uri="{FF2B5EF4-FFF2-40B4-BE49-F238E27FC236}">
                  <a16:creationId xmlns:a16="http://schemas.microsoft.com/office/drawing/2014/main" id="{5549733F-2949-F1CD-B03C-1FB8B6174787}"/>
                </a:ext>
              </a:extLst>
            </p:cNvPr>
            <p:cNvSpPr/>
            <p:nvPr/>
          </p:nvSpPr>
          <p:spPr>
            <a:xfrm rot="16200000">
              <a:off x="928332" y="4110074"/>
              <a:ext cx="2196948" cy="779223"/>
            </a:xfrm>
            <a:prstGeom prst="uturnArrow">
              <a:avLst>
                <a:gd name="adj1" fmla="val 25000"/>
                <a:gd name="adj2" fmla="val 25000"/>
                <a:gd name="adj3" fmla="val 25000"/>
                <a:gd name="adj4" fmla="val 43750"/>
                <a:gd name="adj5" fmla="val 100000"/>
              </a:avLst>
            </a:prstGeom>
            <a:solidFill>
              <a:srgbClr val="FF9500"/>
            </a:solidFill>
            <a:ln>
              <a:noFill/>
            </a:ln>
            <a:effectLst>
              <a:outerShdw blurRad="50800" dist="38100" dir="13500000" algn="br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800">
                <a:solidFill>
                  <a:schemeClr val="tx1"/>
                </a:solidFill>
              </a:endParaRPr>
            </a:p>
          </p:txBody>
        </p:sp>
        <p:sp>
          <p:nvSpPr>
            <p:cNvPr id="106" name="Arrow: U-Turn 105">
              <a:extLst>
                <a:ext uri="{FF2B5EF4-FFF2-40B4-BE49-F238E27FC236}">
                  <a16:creationId xmlns:a16="http://schemas.microsoft.com/office/drawing/2014/main" id="{268A156A-CF67-BC5A-D0A7-62DD7266921E}"/>
                </a:ext>
              </a:extLst>
            </p:cNvPr>
            <p:cNvSpPr/>
            <p:nvPr/>
          </p:nvSpPr>
          <p:spPr>
            <a:xfrm rot="5400000">
              <a:off x="2732006" y="4166024"/>
              <a:ext cx="2196948" cy="779223"/>
            </a:xfrm>
            <a:prstGeom prst="uturnArrow">
              <a:avLst>
                <a:gd name="adj1" fmla="val 25000"/>
                <a:gd name="adj2" fmla="val 25000"/>
                <a:gd name="adj3" fmla="val 25000"/>
                <a:gd name="adj4" fmla="val 43750"/>
                <a:gd name="adj5" fmla="val 100000"/>
              </a:avLst>
            </a:prstGeom>
            <a:solidFill>
              <a:srgbClr val="FF9500"/>
            </a:solidFill>
            <a:ln>
              <a:noFill/>
            </a:ln>
            <a:effectLst>
              <a:outerShdw blurRad="50800" dist="38100" dir="13500000" algn="br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800">
                <a:solidFill>
                  <a:schemeClr val="tx1"/>
                </a:solidFill>
              </a:endParaRPr>
            </a:p>
          </p:txBody>
        </p:sp>
        <p:sp>
          <p:nvSpPr>
            <p:cNvPr id="107" name="Arrow: Bent 106">
              <a:extLst>
                <a:ext uri="{FF2B5EF4-FFF2-40B4-BE49-F238E27FC236}">
                  <a16:creationId xmlns:a16="http://schemas.microsoft.com/office/drawing/2014/main" id="{8F1B3F40-73FD-0E77-82AC-C2F43C62CCDB}"/>
                </a:ext>
              </a:extLst>
            </p:cNvPr>
            <p:cNvSpPr/>
            <p:nvPr/>
          </p:nvSpPr>
          <p:spPr>
            <a:xfrm rot="5400000">
              <a:off x="3786674" y="2774880"/>
              <a:ext cx="861535" cy="1553139"/>
            </a:xfrm>
            <a:prstGeom prst="bentArrow">
              <a:avLst>
                <a:gd name="adj1" fmla="val 21919"/>
                <a:gd name="adj2" fmla="val 21919"/>
                <a:gd name="adj3" fmla="val 25000"/>
                <a:gd name="adj4" fmla="val 43750"/>
              </a:avLst>
            </a:prstGeom>
            <a:solidFill>
              <a:srgbClr val="FF9500"/>
            </a:solidFill>
            <a:ln>
              <a:noFill/>
            </a:ln>
            <a:effectLst>
              <a:outerShdw blurRad="50800" dist="38100" dir="13500000" algn="br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800">
                <a:solidFill>
                  <a:schemeClr val="tx1"/>
                </a:solidFill>
              </a:endParaRPr>
            </a:p>
          </p:txBody>
        </p:sp>
        <p:sp>
          <p:nvSpPr>
            <p:cNvPr id="108" name="Rectangle 107">
              <a:extLst>
                <a:ext uri="{FF2B5EF4-FFF2-40B4-BE49-F238E27FC236}">
                  <a16:creationId xmlns:a16="http://schemas.microsoft.com/office/drawing/2014/main" id="{9C826393-2D42-EC25-B626-9F4AB3F11E03}"/>
                </a:ext>
              </a:extLst>
            </p:cNvPr>
            <p:cNvSpPr/>
            <p:nvPr/>
          </p:nvSpPr>
          <p:spPr>
            <a:xfrm>
              <a:off x="1948248" y="2619172"/>
              <a:ext cx="1951240" cy="2402533"/>
            </a:xfrm>
            <a:prstGeom prst="rect">
              <a:avLst/>
            </a:prstGeom>
            <a:solidFill>
              <a:srgbClr val="00B0F0">
                <a:alpha val="17000"/>
              </a:srgbClr>
            </a:solidFill>
            <a:ln w="28575">
              <a:solidFill>
                <a:srgbClr val="0000A0"/>
              </a:solidFill>
              <a:prstDash val="solid"/>
            </a:ln>
          </p:spPr>
          <p:style>
            <a:lnRef idx="1">
              <a:schemeClr val="accent4"/>
            </a:lnRef>
            <a:fillRef idx="2">
              <a:schemeClr val="accent4"/>
            </a:fillRef>
            <a:effectRef idx="1">
              <a:schemeClr val="accent4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en-US" sz="1800"/>
            </a:p>
          </p:txBody>
        </p:sp>
        <p:sp>
          <p:nvSpPr>
            <p:cNvPr id="109" name="Arrow: Bent 108">
              <a:extLst>
                <a:ext uri="{FF2B5EF4-FFF2-40B4-BE49-F238E27FC236}">
                  <a16:creationId xmlns:a16="http://schemas.microsoft.com/office/drawing/2014/main" id="{F7117AC1-16AD-5587-BF00-643FBF9CE7D5}"/>
                </a:ext>
              </a:extLst>
            </p:cNvPr>
            <p:cNvSpPr/>
            <p:nvPr/>
          </p:nvSpPr>
          <p:spPr>
            <a:xfrm rot="16200000" flipV="1">
              <a:off x="3796812" y="4659571"/>
              <a:ext cx="840202" cy="1554198"/>
            </a:xfrm>
            <a:prstGeom prst="bentArrow">
              <a:avLst>
                <a:gd name="adj1" fmla="val 18792"/>
                <a:gd name="adj2" fmla="val 19827"/>
                <a:gd name="adj3" fmla="val 25000"/>
                <a:gd name="adj4" fmla="val 43750"/>
              </a:avLst>
            </a:prstGeom>
            <a:solidFill>
              <a:srgbClr val="FF9500"/>
            </a:solidFill>
            <a:ln>
              <a:noFill/>
            </a:ln>
            <a:effectLst>
              <a:outerShdw blurRad="50800" dist="38100" dir="13500000" algn="br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800">
                <a:solidFill>
                  <a:schemeClr val="tx1"/>
                </a:solidFill>
              </a:endParaRPr>
            </a:p>
          </p:txBody>
        </p:sp>
        <p:sp>
          <p:nvSpPr>
            <p:cNvPr id="110" name="Rectangle: Rounded Corners 109">
              <a:extLst>
                <a:ext uri="{FF2B5EF4-FFF2-40B4-BE49-F238E27FC236}">
                  <a16:creationId xmlns:a16="http://schemas.microsoft.com/office/drawing/2014/main" id="{73CF37F2-06F0-0F3F-52ED-D0E08E200DC9}"/>
                </a:ext>
              </a:extLst>
            </p:cNvPr>
            <p:cNvSpPr/>
            <p:nvPr/>
          </p:nvSpPr>
          <p:spPr>
            <a:xfrm>
              <a:off x="2415357" y="3069403"/>
              <a:ext cx="1025516" cy="605118"/>
            </a:xfrm>
            <a:prstGeom prst="roundRect">
              <a:avLst/>
            </a:prstGeom>
            <a:solidFill>
              <a:srgbClr val="2F3EEA"/>
            </a:solidFill>
            <a:ln>
              <a:noFill/>
            </a:ln>
          </p:spPr>
          <p:style>
            <a:lnRef idx="3">
              <a:schemeClr val="lt1"/>
            </a:lnRef>
            <a:fillRef idx="1">
              <a:schemeClr val="accent6"/>
            </a:fillRef>
            <a:effectRef idx="1">
              <a:schemeClr val="accent6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s-MX" sz="1100">
                  <a:latin typeface="+mj-lt"/>
                  <a:ea typeface="Roboto Thin" panose="02000000000000000000" pitchFamily="2" charset="0"/>
                </a:rPr>
                <a:t>ALU</a:t>
              </a:r>
              <a:endParaRPr lang="en-US" sz="1100">
                <a:latin typeface="+mj-lt"/>
                <a:ea typeface="Roboto Thin" panose="02000000000000000000" pitchFamily="2" charset="0"/>
              </a:endParaRPr>
            </a:p>
          </p:txBody>
        </p:sp>
        <p:sp>
          <p:nvSpPr>
            <p:cNvPr id="111" name="Rectangle: Rounded Corners 110">
              <a:extLst>
                <a:ext uri="{FF2B5EF4-FFF2-40B4-BE49-F238E27FC236}">
                  <a16:creationId xmlns:a16="http://schemas.microsoft.com/office/drawing/2014/main" id="{FF018DDF-F81F-F7E6-B50C-BEDF3DF9B994}"/>
                </a:ext>
              </a:extLst>
            </p:cNvPr>
            <p:cNvSpPr/>
            <p:nvPr/>
          </p:nvSpPr>
          <p:spPr>
            <a:xfrm>
              <a:off x="2415357" y="5332226"/>
              <a:ext cx="1025516" cy="605118"/>
            </a:xfrm>
            <a:prstGeom prst="roundRect">
              <a:avLst/>
            </a:prstGeom>
            <a:solidFill>
              <a:srgbClr val="2F3EEA"/>
            </a:solidFill>
            <a:ln>
              <a:noFill/>
            </a:ln>
          </p:spPr>
          <p:style>
            <a:lnRef idx="3">
              <a:schemeClr val="lt1"/>
            </a:lnRef>
            <a:fillRef idx="1">
              <a:schemeClr val="accent6"/>
            </a:fillRef>
            <a:effectRef idx="1">
              <a:schemeClr val="accent6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s-MX" sz="1100">
                  <a:latin typeface="+mj-lt"/>
                  <a:ea typeface="Roboto Thin" panose="02000000000000000000" pitchFamily="2" charset="0"/>
                </a:rPr>
                <a:t>MEMORY</a:t>
              </a:r>
              <a:endParaRPr lang="en-US" sz="1100">
                <a:latin typeface="+mj-lt"/>
                <a:ea typeface="Roboto Thin" panose="02000000000000000000" pitchFamily="2" charset="0"/>
              </a:endParaRPr>
            </a:p>
          </p:txBody>
        </p:sp>
        <p:sp>
          <p:nvSpPr>
            <p:cNvPr id="112" name="TextBox 111">
              <a:extLst>
                <a:ext uri="{FF2B5EF4-FFF2-40B4-BE49-F238E27FC236}">
                  <a16:creationId xmlns:a16="http://schemas.microsoft.com/office/drawing/2014/main" id="{A76C2BD4-2169-20F2-EBA4-08171DADEC07}"/>
                </a:ext>
              </a:extLst>
            </p:cNvPr>
            <p:cNvSpPr txBox="1"/>
            <p:nvPr/>
          </p:nvSpPr>
          <p:spPr>
            <a:xfrm>
              <a:off x="1948247" y="2619173"/>
              <a:ext cx="1951240" cy="430887"/>
            </a:xfrm>
            <a:prstGeom prst="rect">
              <a:avLst/>
            </a:prstGeom>
            <a:noFill/>
            <a:effectLst/>
          </p:spPr>
          <p:txBody>
            <a:bodyPr wrap="square" rtlCol="0">
              <a:spAutoFit/>
            </a:bodyPr>
            <a:lstStyle/>
            <a:p>
              <a:pPr algn="ctr"/>
              <a:r>
                <a:rPr lang="es-MX" sz="1100" b="1">
                  <a:latin typeface="+mj-lt"/>
                  <a:ea typeface="Roboto Thin" panose="02000000000000000000" pitchFamily="2" charset="0"/>
                </a:rPr>
                <a:t>CENTRAL PROCESSING UNIT (CPU)</a:t>
              </a:r>
              <a:endParaRPr lang="en-US" sz="1100" b="1">
                <a:latin typeface="+mj-lt"/>
                <a:ea typeface="Roboto Thin" panose="02000000000000000000" pitchFamily="2" charset="0"/>
              </a:endParaRPr>
            </a:p>
          </p:txBody>
        </p:sp>
        <p:sp>
          <p:nvSpPr>
            <p:cNvPr id="113" name="Arrow: Down 112">
              <a:extLst>
                <a:ext uri="{FF2B5EF4-FFF2-40B4-BE49-F238E27FC236}">
                  <a16:creationId xmlns:a16="http://schemas.microsoft.com/office/drawing/2014/main" id="{602CBCF8-B249-3201-464B-D562BF91D546}"/>
                </a:ext>
              </a:extLst>
            </p:cNvPr>
            <p:cNvSpPr/>
            <p:nvPr/>
          </p:nvSpPr>
          <p:spPr>
            <a:xfrm rot="16200000">
              <a:off x="273559" y="4313516"/>
              <a:ext cx="293004" cy="522312"/>
            </a:xfrm>
            <a:prstGeom prst="downArrow">
              <a:avLst/>
            </a:prstGeom>
            <a:solidFill>
              <a:srgbClr val="FF9500"/>
            </a:solidFill>
            <a:ln>
              <a:noFill/>
            </a:ln>
            <a:effectLst>
              <a:outerShdw blurRad="50800" dist="38100" dir="13500000" algn="br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800"/>
            </a:p>
          </p:txBody>
        </p:sp>
        <p:sp>
          <p:nvSpPr>
            <p:cNvPr id="114" name="Arrow: Down 113">
              <a:extLst>
                <a:ext uri="{FF2B5EF4-FFF2-40B4-BE49-F238E27FC236}">
                  <a16:creationId xmlns:a16="http://schemas.microsoft.com/office/drawing/2014/main" id="{57437905-1317-4BCA-EE1D-8149D1B7C418}"/>
                </a:ext>
              </a:extLst>
            </p:cNvPr>
            <p:cNvSpPr/>
            <p:nvPr/>
          </p:nvSpPr>
          <p:spPr>
            <a:xfrm rot="16200000">
              <a:off x="5325232" y="4238237"/>
              <a:ext cx="293004" cy="522312"/>
            </a:xfrm>
            <a:prstGeom prst="downArrow">
              <a:avLst/>
            </a:prstGeom>
            <a:solidFill>
              <a:srgbClr val="FF9500"/>
            </a:solidFill>
            <a:ln>
              <a:noFill/>
            </a:ln>
            <a:effectLst>
              <a:outerShdw blurRad="50800" dist="38100" dir="13500000" algn="br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800"/>
            </a:p>
          </p:txBody>
        </p:sp>
        <p:sp>
          <p:nvSpPr>
            <p:cNvPr id="115" name="Arrow: Bent 114">
              <a:extLst>
                <a:ext uri="{FF2B5EF4-FFF2-40B4-BE49-F238E27FC236}">
                  <a16:creationId xmlns:a16="http://schemas.microsoft.com/office/drawing/2014/main" id="{7B1B44BA-1E99-4D80-EE4C-681C2566BB8A}"/>
                </a:ext>
              </a:extLst>
            </p:cNvPr>
            <p:cNvSpPr/>
            <p:nvPr/>
          </p:nvSpPr>
          <p:spPr>
            <a:xfrm flipV="1">
              <a:off x="993860" y="5016570"/>
              <a:ext cx="1421497" cy="995617"/>
            </a:xfrm>
            <a:prstGeom prst="bentArrow">
              <a:avLst>
                <a:gd name="adj1" fmla="val 18792"/>
                <a:gd name="adj2" fmla="val 19827"/>
                <a:gd name="adj3" fmla="val 25000"/>
                <a:gd name="adj4" fmla="val 43750"/>
              </a:avLst>
            </a:prstGeom>
            <a:solidFill>
              <a:srgbClr val="FF9500"/>
            </a:solidFill>
            <a:ln>
              <a:noFill/>
            </a:ln>
            <a:effectLst>
              <a:outerShdw blurRad="50800" dist="38100" dir="13500000" algn="br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800">
                <a:solidFill>
                  <a:schemeClr val="tx1"/>
                </a:solidFill>
              </a:endParaRPr>
            </a:p>
          </p:txBody>
        </p:sp>
        <p:cxnSp>
          <p:nvCxnSpPr>
            <p:cNvPr id="116" name="Straight Arrow Connector 115">
              <a:extLst>
                <a:ext uri="{FF2B5EF4-FFF2-40B4-BE49-F238E27FC236}">
                  <a16:creationId xmlns:a16="http://schemas.microsoft.com/office/drawing/2014/main" id="{1E40DF6E-BAB9-A6DB-BDBE-D744E688B061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923869" y="3681672"/>
              <a:ext cx="3185" cy="522312"/>
            </a:xfrm>
            <a:prstGeom prst="straightConnector1">
              <a:avLst/>
            </a:prstGeom>
            <a:ln w="57150">
              <a:solidFill>
                <a:srgbClr val="00B0F0"/>
              </a:solidFill>
              <a:tailEnd type="arrow"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7" name="Straight Arrow Connector 116">
              <a:extLst>
                <a:ext uri="{FF2B5EF4-FFF2-40B4-BE49-F238E27FC236}">
                  <a16:creationId xmlns:a16="http://schemas.microsoft.com/office/drawing/2014/main" id="{7D9B3587-4F0B-9D80-D0AB-2BC5FB55AE4D}"/>
                </a:ext>
              </a:extLst>
            </p:cNvPr>
            <p:cNvCxnSpPr>
              <a:cxnSpLocks/>
              <a:endCxn id="126" idx="1"/>
            </p:cNvCxnSpPr>
            <p:nvPr/>
          </p:nvCxnSpPr>
          <p:spPr>
            <a:xfrm flipV="1">
              <a:off x="3440873" y="4499393"/>
              <a:ext cx="925725" cy="1"/>
            </a:xfrm>
            <a:prstGeom prst="straightConnector1">
              <a:avLst/>
            </a:prstGeom>
            <a:ln w="57150">
              <a:solidFill>
                <a:srgbClr val="00B0F0"/>
              </a:solidFill>
              <a:tailEnd type="arrow"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8" name="Straight Arrow Connector 117">
              <a:extLst>
                <a:ext uri="{FF2B5EF4-FFF2-40B4-BE49-F238E27FC236}">
                  <a16:creationId xmlns:a16="http://schemas.microsoft.com/office/drawing/2014/main" id="{B3D99F13-C7FA-D50A-2901-C4B3C2CC5DD9}"/>
                </a:ext>
              </a:extLst>
            </p:cNvPr>
            <p:cNvCxnSpPr>
              <a:cxnSpLocks/>
              <a:stCxn id="124" idx="1"/>
              <a:endCxn id="125" idx="3"/>
            </p:cNvCxnSpPr>
            <p:nvPr/>
          </p:nvCxnSpPr>
          <p:spPr>
            <a:xfrm flipH="1" flipV="1">
              <a:off x="1500884" y="4499393"/>
              <a:ext cx="914473" cy="1"/>
            </a:xfrm>
            <a:prstGeom prst="straightConnector1">
              <a:avLst/>
            </a:prstGeom>
            <a:ln w="57150">
              <a:solidFill>
                <a:srgbClr val="00B0F0"/>
              </a:solidFill>
              <a:tailEnd type="arrow"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9" name="Straight Arrow Connector 118">
              <a:extLst>
                <a:ext uri="{FF2B5EF4-FFF2-40B4-BE49-F238E27FC236}">
                  <a16:creationId xmlns:a16="http://schemas.microsoft.com/office/drawing/2014/main" id="{06A7E6C0-B7D8-F6BF-A445-EBF9F240C004}"/>
                </a:ext>
              </a:extLst>
            </p:cNvPr>
            <p:cNvCxnSpPr>
              <a:cxnSpLocks/>
            </p:cNvCxnSpPr>
            <p:nvPr/>
          </p:nvCxnSpPr>
          <p:spPr>
            <a:xfrm>
              <a:off x="2928115" y="4801952"/>
              <a:ext cx="0" cy="530275"/>
            </a:xfrm>
            <a:prstGeom prst="straightConnector1">
              <a:avLst/>
            </a:prstGeom>
            <a:ln w="57150">
              <a:solidFill>
                <a:srgbClr val="00B0F0"/>
              </a:solidFill>
              <a:tailEnd type="arrow"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0" name="Arrow: Down 119">
              <a:extLst>
                <a:ext uri="{FF2B5EF4-FFF2-40B4-BE49-F238E27FC236}">
                  <a16:creationId xmlns:a16="http://schemas.microsoft.com/office/drawing/2014/main" id="{B22BE47A-2843-2B32-13C8-9C810466A4FA}"/>
                </a:ext>
              </a:extLst>
            </p:cNvPr>
            <p:cNvSpPr/>
            <p:nvPr/>
          </p:nvSpPr>
          <p:spPr>
            <a:xfrm rot="16200000">
              <a:off x="407422" y="2418538"/>
              <a:ext cx="293004" cy="522312"/>
            </a:xfrm>
            <a:prstGeom prst="downArrow">
              <a:avLst/>
            </a:prstGeom>
            <a:solidFill>
              <a:srgbClr val="FF9500"/>
            </a:solidFill>
            <a:ln>
              <a:noFill/>
            </a:ln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cxnSp>
          <p:nvCxnSpPr>
            <p:cNvPr id="121" name="Straight Arrow Connector 120">
              <a:extLst>
                <a:ext uri="{FF2B5EF4-FFF2-40B4-BE49-F238E27FC236}">
                  <a16:creationId xmlns:a16="http://schemas.microsoft.com/office/drawing/2014/main" id="{9A5FBA01-8B04-B5F7-844F-EB098A7A388B}"/>
                </a:ext>
              </a:extLst>
            </p:cNvPr>
            <p:cNvCxnSpPr>
              <a:cxnSpLocks/>
            </p:cNvCxnSpPr>
            <p:nvPr/>
          </p:nvCxnSpPr>
          <p:spPr>
            <a:xfrm>
              <a:off x="288520" y="2404554"/>
              <a:ext cx="526561" cy="0"/>
            </a:xfrm>
            <a:prstGeom prst="straightConnector1">
              <a:avLst/>
            </a:prstGeom>
            <a:ln w="57150">
              <a:solidFill>
                <a:srgbClr val="00B0F0"/>
              </a:solidFill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2" name="Rectangle 121">
              <a:extLst>
                <a:ext uri="{FF2B5EF4-FFF2-40B4-BE49-F238E27FC236}">
                  <a16:creationId xmlns:a16="http://schemas.microsoft.com/office/drawing/2014/main" id="{7AD54DA5-5803-4E15-7745-DF321DBBE3E1}"/>
                </a:ext>
              </a:extLst>
            </p:cNvPr>
            <p:cNvSpPr/>
            <p:nvPr/>
          </p:nvSpPr>
          <p:spPr>
            <a:xfrm>
              <a:off x="789344" y="2495366"/>
              <a:ext cx="594281" cy="338554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r>
                <a:rPr lang="es-MX">
                  <a:latin typeface="+mj-lt"/>
                  <a:ea typeface="Roboto Thin" panose="02000000000000000000" pitchFamily="2" charset="0"/>
                </a:rPr>
                <a:t>data</a:t>
              </a:r>
              <a:endParaRPr lang="en-US">
                <a:latin typeface="+mj-lt"/>
                <a:ea typeface="Roboto Thin" panose="02000000000000000000" pitchFamily="2" charset="0"/>
              </a:endParaRPr>
            </a:p>
          </p:txBody>
        </p:sp>
        <p:sp>
          <p:nvSpPr>
            <p:cNvPr id="123" name="Rectangle 122">
              <a:extLst>
                <a:ext uri="{FF2B5EF4-FFF2-40B4-BE49-F238E27FC236}">
                  <a16:creationId xmlns:a16="http://schemas.microsoft.com/office/drawing/2014/main" id="{509F2CDB-DAC2-971E-166C-88BACBC12DD4}"/>
                </a:ext>
              </a:extLst>
            </p:cNvPr>
            <p:cNvSpPr/>
            <p:nvPr/>
          </p:nvSpPr>
          <p:spPr>
            <a:xfrm>
              <a:off x="789344" y="2203960"/>
              <a:ext cx="815369" cy="338554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r>
                <a:rPr lang="es-MX">
                  <a:latin typeface="+mj-lt"/>
                  <a:ea typeface="Roboto Thin" panose="02000000000000000000" pitchFamily="2" charset="0"/>
                </a:rPr>
                <a:t>control</a:t>
              </a:r>
              <a:endParaRPr lang="en-US">
                <a:latin typeface="+mj-lt"/>
                <a:ea typeface="Roboto Thin" panose="02000000000000000000" pitchFamily="2" charset="0"/>
              </a:endParaRPr>
            </a:p>
          </p:txBody>
        </p:sp>
        <p:sp>
          <p:nvSpPr>
            <p:cNvPr id="124" name="Rectangle: Rounded Corners 123">
              <a:extLst>
                <a:ext uri="{FF2B5EF4-FFF2-40B4-BE49-F238E27FC236}">
                  <a16:creationId xmlns:a16="http://schemas.microsoft.com/office/drawing/2014/main" id="{E4D41209-8EF6-9977-A353-2B952C673482}"/>
                </a:ext>
              </a:extLst>
            </p:cNvPr>
            <p:cNvSpPr/>
            <p:nvPr/>
          </p:nvSpPr>
          <p:spPr>
            <a:xfrm>
              <a:off x="2415357" y="4196834"/>
              <a:ext cx="1025516" cy="605118"/>
            </a:xfrm>
            <a:prstGeom prst="roundRect">
              <a:avLst/>
            </a:prstGeom>
            <a:solidFill>
              <a:srgbClr val="2F3EEA"/>
            </a:solidFill>
            <a:ln>
              <a:noFill/>
            </a:ln>
          </p:spPr>
          <p:style>
            <a:lnRef idx="3">
              <a:schemeClr val="lt1"/>
            </a:lnRef>
            <a:fillRef idx="1">
              <a:schemeClr val="accent6"/>
            </a:fillRef>
            <a:effectRef idx="1">
              <a:schemeClr val="accent6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s-MX" sz="1100">
                  <a:latin typeface="+mj-lt"/>
                  <a:ea typeface="Roboto Thin" panose="02000000000000000000" pitchFamily="2" charset="0"/>
                </a:rPr>
                <a:t>CONTROL</a:t>
              </a:r>
              <a:endParaRPr lang="en-US" sz="1100">
                <a:latin typeface="+mj-lt"/>
                <a:ea typeface="Roboto Thin" panose="02000000000000000000" pitchFamily="2" charset="0"/>
              </a:endParaRPr>
            </a:p>
          </p:txBody>
        </p:sp>
        <p:sp>
          <p:nvSpPr>
            <p:cNvPr id="125" name="Rectangle: Rounded Corners 124">
              <a:extLst>
                <a:ext uri="{FF2B5EF4-FFF2-40B4-BE49-F238E27FC236}">
                  <a16:creationId xmlns:a16="http://schemas.microsoft.com/office/drawing/2014/main" id="{B25F3E5E-C850-66EA-EF01-D93AF04AF666}"/>
                </a:ext>
              </a:extLst>
            </p:cNvPr>
            <p:cNvSpPr/>
            <p:nvPr/>
          </p:nvSpPr>
          <p:spPr>
            <a:xfrm>
              <a:off x="677418" y="3977080"/>
              <a:ext cx="823466" cy="1044625"/>
            </a:xfrm>
            <a:prstGeom prst="roundRect">
              <a:avLst/>
            </a:prstGeom>
            <a:solidFill>
              <a:srgbClr val="2F3EEA"/>
            </a:solidFill>
            <a:ln>
              <a:noFill/>
            </a:ln>
          </p:spPr>
          <p:style>
            <a:lnRef idx="3">
              <a:schemeClr val="lt1"/>
            </a:lnRef>
            <a:fillRef idx="1">
              <a:schemeClr val="accent6"/>
            </a:fillRef>
            <a:effectRef idx="1">
              <a:schemeClr val="accent6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s-MX" sz="1100">
                  <a:latin typeface="+mj-lt"/>
                  <a:ea typeface="Roboto Thin" panose="02000000000000000000" pitchFamily="2" charset="0"/>
                </a:rPr>
                <a:t>INPUT</a:t>
              </a:r>
              <a:endParaRPr lang="en-US" sz="1200">
                <a:latin typeface="+mj-lt"/>
                <a:ea typeface="Roboto Thin" panose="02000000000000000000" pitchFamily="2" charset="0"/>
              </a:endParaRPr>
            </a:p>
          </p:txBody>
        </p:sp>
        <p:sp>
          <p:nvSpPr>
            <p:cNvPr id="126" name="Rectangle: Rounded Corners 125">
              <a:extLst>
                <a:ext uri="{FF2B5EF4-FFF2-40B4-BE49-F238E27FC236}">
                  <a16:creationId xmlns:a16="http://schemas.microsoft.com/office/drawing/2014/main" id="{A76B4F4E-21AD-28CC-84BA-6EFE6F2D075A}"/>
                </a:ext>
              </a:extLst>
            </p:cNvPr>
            <p:cNvSpPr/>
            <p:nvPr/>
          </p:nvSpPr>
          <p:spPr>
            <a:xfrm>
              <a:off x="4366597" y="3977080"/>
              <a:ext cx="843980" cy="1044625"/>
            </a:xfrm>
            <a:prstGeom prst="roundRect">
              <a:avLst/>
            </a:prstGeom>
            <a:solidFill>
              <a:srgbClr val="2F3EEA"/>
            </a:solidFill>
            <a:ln>
              <a:noFill/>
            </a:ln>
          </p:spPr>
          <p:style>
            <a:lnRef idx="3">
              <a:schemeClr val="lt1"/>
            </a:lnRef>
            <a:fillRef idx="1">
              <a:schemeClr val="accent6"/>
            </a:fillRef>
            <a:effectRef idx="1">
              <a:schemeClr val="accent6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s-MX" sz="1100">
                  <a:latin typeface="+mj-lt"/>
                  <a:ea typeface="Roboto Thin" panose="02000000000000000000" pitchFamily="2" charset="0"/>
                </a:rPr>
                <a:t>OUTPUT</a:t>
              </a:r>
              <a:endParaRPr lang="en-US" sz="1100">
                <a:latin typeface="+mj-lt"/>
                <a:ea typeface="Roboto Thin" panose="02000000000000000000" pitchFamily="2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771991772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5D1BA7-6DC6-D44F-C24F-F6B036DA57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solidFill>
                  <a:srgbClr val="0000A0"/>
                </a:solidFill>
                <a:ea typeface="Roboto Thin" panose="02000000000000000000" pitchFamily="2" charset="0"/>
              </a:rPr>
              <a:t>VON NEUMANN ARCHITECTURE</a:t>
            </a:r>
            <a:endParaRPr lang="LID4096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29FE81E-4E24-9619-EADD-10A9EDC49A2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>
                <a:latin typeface="+mj-lt"/>
              </a:rPr>
              <a:pPr/>
              <a:t>29</a:t>
            </a:fld>
            <a:endParaRPr lang="en-GB">
              <a:latin typeface="+mj-lt"/>
            </a:endParaRPr>
          </a:p>
        </p:txBody>
      </p:sp>
      <p:sp>
        <p:nvSpPr>
          <p:cNvPr id="26" name="Content Placeholder 49">
            <a:extLst>
              <a:ext uri="{FF2B5EF4-FFF2-40B4-BE49-F238E27FC236}">
                <a16:creationId xmlns:a16="http://schemas.microsoft.com/office/drawing/2014/main" id="{76F6A26D-CAE8-F840-3F68-2D6BD66A8736}"/>
              </a:ext>
            </a:extLst>
          </p:cNvPr>
          <p:cNvSpPr txBox="1">
            <a:spLocks/>
          </p:cNvSpPr>
          <p:nvPr/>
        </p:nvSpPr>
        <p:spPr>
          <a:xfrm>
            <a:off x="6419088" y="1816382"/>
            <a:ext cx="4934712" cy="2321196"/>
          </a:xfrm>
          <a:prstGeom prst="rect">
            <a:avLst/>
          </a:prstGeom>
        </p:spPr>
        <p:txBody>
          <a:bodyPr>
            <a:normAutofit fontScale="62500" lnSpcReduction="20000"/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en-US" sz="2600" b="1" kern="0">
                <a:solidFill>
                  <a:srgbClr val="0000A0"/>
                </a:solidFill>
                <a:latin typeface="+mj-lt"/>
                <a:ea typeface="Roboto Light" panose="02000000000000000000" pitchFamily="2" charset="0"/>
              </a:rPr>
              <a:t>INSTRUCTION CYCLE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2400" kern="0">
                <a:latin typeface="+mj-lt"/>
                <a:ea typeface="Roboto Light" panose="02000000000000000000" pitchFamily="2" charset="0"/>
              </a:rPr>
              <a:t>The Control unit </a:t>
            </a:r>
            <a:r>
              <a:rPr lang="en-US" sz="2400" b="1" kern="0">
                <a:solidFill>
                  <a:srgbClr val="0000A0"/>
                </a:solidFill>
                <a:latin typeface="+mj-lt"/>
                <a:ea typeface="Roboto Light" panose="02000000000000000000" pitchFamily="2" charset="0"/>
              </a:rPr>
              <a:t>fetches</a:t>
            </a:r>
            <a:r>
              <a:rPr lang="en-US" sz="2400" kern="0">
                <a:latin typeface="+mj-lt"/>
                <a:ea typeface="Roboto Light" panose="02000000000000000000" pitchFamily="2" charset="0"/>
              </a:rPr>
              <a:t> the next program instruction from main memory using the PC to determine where the instruction is located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2400" kern="0">
                <a:latin typeface="+mj-lt"/>
                <a:ea typeface="Roboto Light" panose="02000000000000000000" pitchFamily="2" charset="0"/>
              </a:rPr>
              <a:t>The instruction is </a:t>
            </a:r>
            <a:r>
              <a:rPr lang="en-US" sz="2400" b="1" kern="0">
                <a:solidFill>
                  <a:srgbClr val="0000A0"/>
                </a:solidFill>
                <a:latin typeface="+mj-lt"/>
                <a:ea typeface="Roboto Light" panose="02000000000000000000" pitchFamily="2" charset="0"/>
              </a:rPr>
              <a:t>decoded</a:t>
            </a:r>
            <a:r>
              <a:rPr lang="en-US" sz="2400" kern="0">
                <a:latin typeface="+mj-lt"/>
                <a:ea typeface="Roboto Light" panose="02000000000000000000" pitchFamily="2" charset="0"/>
              </a:rPr>
              <a:t> so the ALU can understand it</a:t>
            </a:r>
          </a:p>
          <a:p>
            <a:pPr lvl="1"/>
            <a:r>
              <a:rPr lang="en-US" sz="2200" kern="0">
                <a:latin typeface="+mj-lt"/>
                <a:ea typeface="Roboto Light" panose="02000000000000000000" pitchFamily="2" charset="0"/>
              </a:rPr>
              <a:t>Data operands required to execute the instruction are fetched from main memory and placed in registers in the CPU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2400" kern="0">
                <a:latin typeface="+mj-lt"/>
                <a:ea typeface="Roboto Light" panose="02000000000000000000" pitchFamily="2" charset="0"/>
              </a:rPr>
              <a:t>The ALU </a:t>
            </a:r>
            <a:r>
              <a:rPr lang="en-US" sz="2400" b="1" kern="0">
                <a:solidFill>
                  <a:srgbClr val="0000A0"/>
                </a:solidFill>
                <a:latin typeface="+mj-lt"/>
                <a:ea typeface="Roboto Light" panose="02000000000000000000" pitchFamily="2" charset="0"/>
              </a:rPr>
              <a:t>executes</a:t>
            </a:r>
            <a:r>
              <a:rPr lang="en-US" sz="2400" kern="0">
                <a:latin typeface="+mj-lt"/>
                <a:ea typeface="Roboto Light" panose="02000000000000000000" pitchFamily="2" charset="0"/>
              </a:rPr>
              <a:t> the instruction and stores the result in registers or main memory</a:t>
            </a:r>
          </a:p>
        </p:txBody>
      </p:sp>
      <p:sp>
        <p:nvSpPr>
          <p:cNvPr id="47" name="Arrow: Left-Right 46">
            <a:extLst>
              <a:ext uri="{FF2B5EF4-FFF2-40B4-BE49-F238E27FC236}">
                <a16:creationId xmlns:a16="http://schemas.microsoft.com/office/drawing/2014/main" id="{84B48082-C928-627E-4E8A-BC37C7646A58}"/>
              </a:ext>
            </a:extLst>
          </p:cNvPr>
          <p:cNvSpPr/>
          <p:nvPr/>
        </p:nvSpPr>
        <p:spPr>
          <a:xfrm rot="5400000">
            <a:off x="1250746" y="4883454"/>
            <a:ext cx="541846" cy="284298"/>
          </a:xfrm>
          <a:prstGeom prst="leftRightArrow">
            <a:avLst/>
          </a:prstGeom>
          <a:solidFill>
            <a:srgbClr val="FF95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50" name="Arrow: Left-Right 49">
            <a:extLst>
              <a:ext uri="{FF2B5EF4-FFF2-40B4-BE49-F238E27FC236}">
                <a16:creationId xmlns:a16="http://schemas.microsoft.com/office/drawing/2014/main" id="{E4CE071B-6F9E-5042-AE5B-CC20981E01B5}"/>
              </a:ext>
            </a:extLst>
          </p:cNvPr>
          <p:cNvSpPr/>
          <p:nvPr/>
        </p:nvSpPr>
        <p:spPr>
          <a:xfrm>
            <a:off x="4041562" y="4442331"/>
            <a:ext cx="724000" cy="273380"/>
          </a:xfrm>
          <a:prstGeom prst="leftRightArrow">
            <a:avLst/>
          </a:prstGeom>
          <a:solidFill>
            <a:srgbClr val="FF95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51" name="Rectangle 50">
            <a:extLst>
              <a:ext uri="{FF2B5EF4-FFF2-40B4-BE49-F238E27FC236}">
                <a16:creationId xmlns:a16="http://schemas.microsoft.com/office/drawing/2014/main" id="{A987DFD9-8DE5-2558-7989-A211AE78AB3F}"/>
              </a:ext>
            </a:extLst>
          </p:cNvPr>
          <p:cNvSpPr/>
          <p:nvPr/>
        </p:nvSpPr>
        <p:spPr>
          <a:xfrm>
            <a:off x="426438" y="2396366"/>
            <a:ext cx="4019549" cy="2635941"/>
          </a:xfrm>
          <a:prstGeom prst="rect">
            <a:avLst/>
          </a:prstGeom>
          <a:solidFill>
            <a:srgbClr val="00B0F0">
              <a:alpha val="10000"/>
            </a:srgbClr>
          </a:solidFill>
          <a:ln w="28575">
            <a:solidFill>
              <a:srgbClr val="0000A0"/>
            </a:solidFill>
            <a:prstDash val="solid"/>
          </a:ln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52" name="Rectangle 51">
            <a:extLst>
              <a:ext uri="{FF2B5EF4-FFF2-40B4-BE49-F238E27FC236}">
                <a16:creationId xmlns:a16="http://schemas.microsoft.com/office/drawing/2014/main" id="{4142590A-2FA1-8734-300F-09F13BA74A22}"/>
              </a:ext>
            </a:extLst>
          </p:cNvPr>
          <p:cNvSpPr/>
          <p:nvPr/>
        </p:nvSpPr>
        <p:spPr>
          <a:xfrm>
            <a:off x="785577" y="5301237"/>
            <a:ext cx="1472184" cy="868680"/>
          </a:xfrm>
          <a:prstGeom prst="rect">
            <a:avLst/>
          </a:prstGeom>
          <a:solidFill>
            <a:srgbClr val="2F3EEA"/>
          </a:solidFill>
          <a:ln>
            <a:noFill/>
          </a:ln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>
                <a:latin typeface="+mj-lt"/>
                <a:ea typeface="Roboto Light" panose="02000000000000000000" pitchFamily="2" charset="0"/>
              </a:rPr>
              <a:t>Input/Output</a:t>
            </a:r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53" name="Freeform: Shape 52">
            <a:extLst>
              <a:ext uri="{FF2B5EF4-FFF2-40B4-BE49-F238E27FC236}">
                <a16:creationId xmlns:a16="http://schemas.microsoft.com/office/drawing/2014/main" id="{B30C3D19-DB0E-EDE0-2E2E-D09DC4A7ED2A}"/>
              </a:ext>
            </a:extLst>
          </p:cNvPr>
          <p:cNvSpPr/>
          <p:nvPr/>
        </p:nvSpPr>
        <p:spPr>
          <a:xfrm>
            <a:off x="723532" y="4072122"/>
            <a:ext cx="1596275" cy="682556"/>
          </a:xfrm>
          <a:custGeom>
            <a:avLst/>
            <a:gdLst>
              <a:gd name="connsiteX0" fmla="*/ 2426677 w 2426677"/>
              <a:gd name="connsiteY0" fmla="*/ 0 h 861646"/>
              <a:gd name="connsiteX1" fmla="*/ 1941342 w 2426677"/>
              <a:gd name="connsiteY1" fmla="*/ 861646 h 861646"/>
              <a:gd name="connsiteX2" fmla="*/ 485336 w 2426677"/>
              <a:gd name="connsiteY2" fmla="*/ 861646 h 861646"/>
              <a:gd name="connsiteX3" fmla="*/ 0 w 2426677"/>
              <a:gd name="connsiteY3" fmla="*/ 0 h 861646"/>
              <a:gd name="connsiteX4" fmla="*/ 1036299 w 2426677"/>
              <a:gd name="connsiteY4" fmla="*/ 0 h 861646"/>
              <a:gd name="connsiteX5" fmla="*/ 1213339 w 2426677"/>
              <a:gd name="connsiteY5" fmla="*/ 319209 h 861646"/>
              <a:gd name="connsiteX6" fmla="*/ 1390379 w 2426677"/>
              <a:gd name="connsiteY6" fmla="*/ 0 h 8616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426677" h="861646">
                <a:moveTo>
                  <a:pt x="2426677" y="0"/>
                </a:moveTo>
                <a:lnTo>
                  <a:pt x="1941342" y="861646"/>
                </a:lnTo>
                <a:lnTo>
                  <a:pt x="485336" y="861646"/>
                </a:lnTo>
                <a:lnTo>
                  <a:pt x="0" y="0"/>
                </a:lnTo>
                <a:lnTo>
                  <a:pt x="1036299" y="0"/>
                </a:lnTo>
                <a:lnTo>
                  <a:pt x="1213339" y="319209"/>
                </a:lnTo>
                <a:lnTo>
                  <a:pt x="1390379" y="0"/>
                </a:lnTo>
                <a:close/>
              </a:path>
            </a:pathLst>
          </a:cu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r>
              <a:rPr lang="en-US">
                <a:latin typeface="+mj-lt"/>
                <a:ea typeface="Roboto Light" panose="02000000000000000000" pitchFamily="2" charset="0"/>
              </a:rPr>
              <a:t>ALU</a:t>
            </a:r>
          </a:p>
        </p:txBody>
      </p:sp>
      <p:sp>
        <p:nvSpPr>
          <p:cNvPr id="54" name="Arrow: Down 53">
            <a:extLst>
              <a:ext uri="{FF2B5EF4-FFF2-40B4-BE49-F238E27FC236}">
                <a16:creationId xmlns:a16="http://schemas.microsoft.com/office/drawing/2014/main" id="{AD6D5D44-C6F3-E26A-D7B2-664309A6B094}"/>
              </a:ext>
            </a:extLst>
          </p:cNvPr>
          <p:cNvSpPr/>
          <p:nvPr/>
        </p:nvSpPr>
        <p:spPr>
          <a:xfrm rot="10800000">
            <a:off x="1807640" y="3471494"/>
            <a:ext cx="266562" cy="600627"/>
          </a:xfrm>
          <a:prstGeom prst="downArrow">
            <a:avLst/>
          </a:prstGeom>
          <a:solidFill>
            <a:srgbClr val="FF9500"/>
          </a:solidFill>
          <a:ln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FC3550A7-C7DC-A09B-A581-0C22D4E47ED8}"/>
              </a:ext>
            </a:extLst>
          </p:cNvPr>
          <p:cNvSpPr/>
          <p:nvPr/>
        </p:nvSpPr>
        <p:spPr>
          <a:xfrm>
            <a:off x="2834888" y="4056190"/>
            <a:ext cx="1206673" cy="712012"/>
          </a:xfrm>
          <a:prstGeom prst="rect">
            <a:avLst/>
          </a:prstGeom>
          <a:solidFill>
            <a:srgbClr val="2F3EEA"/>
          </a:solidFill>
          <a:ln>
            <a:noFill/>
          </a:ln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>
                <a:latin typeface="+mj-lt"/>
                <a:ea typeface="Roboto Light" panose="02000000000000000000" pitchFamily="2" charset="0"/>
              </a:rPr>
              <a:t>CONTROL</a:t>
            </a:r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56" name="Rectangle: Rounded Corners 55">
            <a:extLst>
              <a:ext uri="{FF2B5EF4-FFF2-40B4-BE49-F238E27FC236}">
                <a16:creationId xmlns:a16="http://schemas.microsoft.com/office/drawing/2014/main" id="{43313FEB-B6D4-BA30-EC8B-3255561D0F61}"/>
              </a:ext>
            </a:extLst>
          </p:cNvPr>
          <p:cNvSpPr/>
          <p:nvPr/>
        </p:nvSpPr>
        <p:spPr>
          <a:xfrm>
            <a:off x="572006" y="2733465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Program counter (PC)</a:t>
            </a:r>
          </a:p>
        </p:txBody>
      </p:sp>
      <p:sp>
        <p:nvSpPr>
          <p:cNvPr id="57" name="Rectangle: Rounded Corners 56">
            <a:extLst>
              <a:ext uri="{FF2B5EF4-FFF2-40B4-BE49-F238E27FC236}">
                <a16:creationId xmlns:a16="http://schemas.microsoft.com/office/drawing/2014/main" id="{38897DBA-7DF7-3177-2B17-1DB92889084D}"/>
              </a:ext>
            </a:extLst>
          </p:cNvPr>
          <p:cNvSpPr/>
          <p:nvPr/>
        </p:nvSpPr>
        <p:spPr>
          <a:xfrm>
            <a:off x="579195" y="2986880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Memory address (MAR)</a:t>
            </a:r>
          </a:p>
        </p:txBody>
      </p:sp>
      <p:sp>
        <p:nvSpPr>
          <p:cNvPr id="58" name="Rectangle: Rounded Corners 57">
            <a:extLst>
              <a:ext uri="{FF2B5EF4-FFF2-40B4-BE49-F238E27FC236}">
                <a16:creationId xmlns:a16="http://schemas.microsoft.com/office/drawing/2014/main" id="{697111F5-E8D7-B92F-A696-9AD55EBAC951}"/>
              </a:ext>
            </a:extLst>
          </p:cNvPr>
          <p:cNvSpPr/>
          <p:nvPr/>
        </p:nvSpPr>
        <p:spPr>
          <a:xfrm>
            <a:off x="579195" y="3243256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Instruction (IR)</a:t>
            </a:r>
          </a:p>
        </p:txBody>
      </p:sp>
      <p:sp>
        <p:nvSpPr>
          <p:cNvPr id="59" name="Rectangle: Rounded Corners 58">
            <a:extLst>
              <a:ext uri="{FF2B5EF4-FFF2-40B4-BE49-F238E27FC236}">
                <a16:creationId xmlns:a16="http://schemas.microsoft.com/office/drawing/2014/main" id="{B3D45440-BE92-867F-4B35-6CEDAEA2EAB2}"/>
              </a:ext>
            </a:extLst>
          </p:cNvPr>
          <p:cNvSpPr/>
          <p:nvPr/>
        </p:nvSpPr>
        <p:spPr>
          <a:xfrm>
            <a:off x="2475085" y="2726478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Accumulator (AC)</a:t>
            </a:r>
          </a:p>
        </p:txBody>
      </p:sp>
      <p:sp>
        <p:nvSpPr>
          <p:cNvPr id="60" name="Rectangle: Rounded Corners 59">
            <a:extLst>
              <a:ext uri="{FF2B5EF4-FFF2-40B4-BE49-F238E27FC236}">
                <a16:creationId xmlns:a16="http://schemas.microsoft.com/office/drawing/2014/main" id="{A5FE5BAF-3ACE-C702-0630-52CB9384A2F0}"/>
              </a:ext>
            </a:extLst>
          </p:cNvPr>
          <p:cNvSpPr/>
          <p:nvPr/>
        </p:nvSpPr>
        <p:spPr>
          <a:xfrm>
            <a:off x="2475085" y="2988232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Memory data (MDR)</a:t>
            </a:r>
          </a:p>
        </p:txBody>
      </p:sp>
      <p:sp>
        <p:nvSpPr>
          <p:cNvPr id="61" name="Rectangle: Rounded Corners 60">
            <a:extLst>
              <a:ext uri="{FF2B5EF4-FFF2-40B4-BE49-F238E27FC236}">
                <a16:creationId xmlns:a16="http://schemas.microsoft.com/office/drawing/2014/main" id="{B0A5D8C8-6E2E-ADE6-F175-CA3CDC97DE91}"/>
              </a:ext>
            </a:extLst>
          </p:cNvPr>
          <p:cNvSpPr/>
          <p:nvPr/>
        </p:nvSpPr>
        <p:spPr>
          <a:xfrm>
            <a:off x="2475085" y="3249987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Others…</a:t>
            </a:r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CDE1A752-30C9-2305-E4FD-1318F28DB1D3}"/>
              </a:ext>
            </a:extLst>
          </p:cNvPr>
          <p:cNvSpPr txBox="1"/>
          <p:nvPr/>
        </p:nvSpPr>
        <p:spPr>
          <a:xfrm>
            <a:off x="1927229" y="2417266"/>
            <a:ext cx="1050288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600">
                <a:latin typeface="+mj-lt"/>
                <a:ea typeface="Roboto Light" panose="02000000000000000000" pitchFamily="2" charset="0"/>
              </a:rPr>
              <a:t>Registers</a:t>
            </a:r>
          </a:p>
        </p:txBody>
      </p:sp>
      <p:sp>
        <p:nvSpPr>
          <p:cNvPr id="63" name="Arrow: Left-Right 62">
            <a:extLst>
              <a:ext uri="{FF2B5EF4-FFF2-40B4-BE49-F238E27FC236}">
                <a16:creationId xmlns:a16="http://schemas.microsoft.com/office/drawing/2014/main" id="{DF8F8FF9-89D5-B6A3-8807-E8C604027809}"/>
              </a:ext>
            </a:extLst>
          </p:cNvPr>
          <p:cNvSpPr/>
          <p:nvPr/>
        </p:nvSpPr>
        <p:spPr>
          <a:xfrm>
            <a:off x="2074202" y="4446921"/>
            <a:ext cx="759995" cy="273380"/>
          </a:xfrm>
          <a:prstGeom prst="leftRightArrow">
            <a:avLst/>
          </a:prstGeom>
          <a:solidFill>
            <a:srgbClr val="FF95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CD399447-F974-6C8B-2D40-91CF2EB5933D}"/>
              </a:ext>
            </a:extLst>
          </p:cNvPr>
          <p:cNvSpPr txBox="1"/>
          <p:nvPr/>
        </p:nvSpPr>
        <p:spPr>
          <a:xfrm>
            <a:off x="315409" y="2053210"/>
            <a:ext cx="418517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s-MX">
                <a:latin typeface="+mj-lt"/>
                <a:ea typeface="Roboto Light" panose="02000000000000000000" pitchFamily="2" charset="0"/>
              </a:rPr>
              <a:t>CPU</a:t>
            </a:r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65" name="Arrow: Down 64">
            <a:extLst>
              <a:ext uri="{FF2B5EF4-FFF2-40B4-BE49-F238E27FC236}">
                <a16:creationId xmlns:a16="http://schemas.microsoft.com/office/drawing/2014/main" id="{6C9C32E6-0986-0385-A681-8215F3170DB1}"/>
              </a:ext>
            </a:extLst>
          </p:cNvPr>
          <p:cNvSpPr/>
          <p:nvPr/>
        </p:nvSpPr>
        <p:spPr>
          <a:xfrm rot="10800000">
            <a:off x="934346" y="3471494"/>
            <a:ext cx="266562" cy="600627"/>
          </a:xfrm>
          <a:prstGeom prst="downArrow">
            <a:avLst/>
          </a:prstGeom>
          <a:solidFill>
            <a:srgbClr val="FF9500"/>
          </a:solidFill>
          <a:ln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623792D7-21AA-64BD-AA92-D5260EBC05C2}"/>
              </a:ext>
            </a:extLst>
          </p:cNvPr>
          <p:cNvCxnSpPr>
            <a:cxnSpLocks/>
          </p:cNvCxnSpPr>
          <p:nvPr/>
        </p:nvCxnSpPr>
        <p:spPr>
          <a:xfrm flipH="1">
            <a:off x="2217138" y="4324090"/>
            <a:ext cx="617750" cy="0"/>
          </a:xfrm>
          <a:prstGeom prst="straightConnector1">
            <a:avLst/>
          </a:prstGeom>
          <a:ln w="57150">
            <a:solidFill>
              <a:srgbClr val="00B0F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A6D65FA0-7990-9696-4E56-AD15BB86923E}"/>
              </a:ext>
            </a:extLst>
          </p:cNvPr>
          <p:cNvCxnSpPr>
            <a:cxnSpLocks/>
          </p:cNvCxnSpPr>
          <p:nvPr/>
        </p:nvCxnSpPr>
        <p:spPr>
          <a:xfrm>
            <a:off x="4041561" y="4324090"/>
            <a:ext cx="724000" cy="0"/>
          </a:xfrm>
          <a:prstGeom prst="straightConnector1">
            <a:avLst/>
          </a:prstGeom>
          <a:ln w="57150">
            <a:solidFill>
              <a:srgbClr val="00B0F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8" name="Rectangle 67">
            <a:extLst>
              <a:ext uri="{FF2B5EF4-FFF2-40B4-BE49-F238E27FC236}">
                <a16:creationId xmlns:a16="http://schemas.microsoft.com/office/drawing/2014/main" id="{3E96ECB5-BB0D-35ED-3362-2B760AB3B09A}"/>
              </a:ext>
            </a:extLst>
          </p:cNvPr>
          <p:cNvSpPr/>
          <p:nvPr/>
        </p:nvSpPr>
        <p:spPr>
          <a:xfrm>
            <a:off x="4761347" y="3263573"/>
            <a:ext cx="1333859" cy="2321196"/>
          </a:xfrm>
          <a:prstGeom prst="rect">
            <a:avLst/>
          </a:prstGeom>
          <a:solidFill>
            <a:srgbClr val="2F3EEA"/>
          </a:solidFill>
          <a:ln>
            <a:noFill/>
          </a:ln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>
                <a:latin typeface="+mj-lt"/>
                <a:ea typeface="Roboto Light" panose="02000000000000000000" pitchFamily="2" charset="0"/>
              </a:rPr>
              <a:t>MEMORY</a:t>
            </a:r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69" name="Rectangle 68">
            <a:extLst>
              <a:ext uri="{FF2B5EF4-FFF2-40B4-BE49-F238E27FC236}">
                <a16:creationId xmlns:a16="http://schemas.microsoft.com/office/drawing/2014/main" id="{653518F6-38F6-8204-8FBB-66FC743443DB}"/>
              </a:ext>
            </a:extLst>
          </p:cNvPr>
          <p:cNvSpPr/>
          <p:nvPr/>
        </p:nvSpPr>
        <p:spPr>
          <a:xfrm>
            <a:off x="4935858" y="3429000"/>
            <a:ext cx="1006705" cy="828480"/>
          </a:xfrm>
          <a:prstGeom prst="rect">
            <a:avLst/>
          </a:prstGeom>
          <a:solidFill>
            <a:srgbClr val="E2FA00"/>
          </a:solidFill>
          <a:ln>
            <a:noFill/>
          </a:ln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200">
                <a:solidFill>
                  <a:schemeClr val="tx1"/>
                </a:solidFill>
                <a:latin typeface="+mj-lt"/>
                <a:ea typeface="Roboto Light" panose="02000000000000000000" pitchFamily="2" charset="0"/>
              </a:rPr>
              <a:t>DATA</a:t>
            </a:r>
            <a:endParaRPr lang="en-US" sz="1200">
              <a:solidFill>
                <a:schemeClr val="tx1"/>
              </a:solidFill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70" name="Rectangle 69">
            <a:extLst>
              <a:ext uri="{FF2B5EF4-FFF2-40B4-BE49-F238E27FC236}">
                <a16:creationId xmlns:a16="http://schemas.microsoft.com/office/drawing/2014/main" id="{3C48E380-3E43-12C1-7B23-0A4EA09147A3}"/>
              </a:ext>
            </a:extLst>
          </p:cNvPr>
          <p:cNvSpPr/>
          <p:nvPr/>
        </p:nvSpPr>
        <p:spPr>
          <a:xfrm>
            <a:off x="4953749" y="4572011"/>
            <a:ext cx="981630" cy="828479"/>
          </a:xfrm>
          <a:prstGeom prst="rect">
            <a:avLst/>
          </a:prstGeom>
          <a:solidFill>
            <a:srgbClr val="E2FA00"/>
          </a:solidFill>
          <a:ln>
            <a:noFill/>
          </a:ln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200">
                <a:solidFill>
                  <a:schemeClr val="tx1"/>
                </a:solidFill>
                <a:latin typeface="+mj-lt"/>
                <a:ea typeface="Roboto Light" panose="02000000000000000000" pitchFamily="2" charset="0"/>
              </a:rPr>
              <a:t>PROGRAM</a:t>
            </a:r>
            <a:endParaRPr lang="en-US" sz="1200">
              <a:solidFill>
                <a:schemeClr val="tx1"/>
              </a:solidFill>
              <a:latin typeface="+mj-lt"/>
              <a:ea typeface="Roboto Light" panose="02000000000000000000" pitchFamily="2" charset="0"/>
            </a:endParaRPr>
          </a:p>
        </p:txBody>
      </p:sp>
      <p:graphicFrame>
        <p:nvGraphicFramePr>
          <p:cNvPr id="71" name="Diagram 70">
            <a:extLst>
              <a:ext uri="{FF2B5EF4-FFF2-40B4-BE49-F238E27FC236}">
                <a16:creationId xmlns:a16="http://schemas.microsoft.com/office/drawing/2014/main" id="{824B92D9-9A48-BDD7-8E3B-67A6E659472A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433451462"/>
              </p:ext>
            </p:extLst>
          </p:nvPr>
        </p:nvGraphicFramePr>
        <p:xfrm>
          <a:off x="7413279" y="4137578"/>
          <a:ext cx="3251949" cy="2322143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90929376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65A09D-E0ED-AD78-0D5F-19E53A6D0A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OUTLIN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5603FDA-1305-A06D-BCE1-60113353386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graphicFrame>
        <p:nvGraphicFramePr>
          <p:cNvPr id="6" name="Content Placeholder 5">
            <a:extLst>
              <a:ext uri="{FF2B5EF4-FFF2-40B4-BE49-F238E27FC236}">
                <a16:creationId xmlns:a16="http://schemas.microsoft.com/office/drawing/2014/main" id="{0E8F661B-4334-D9D0-8DED-B8F5A9D6C9C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2955714645"/>
              </p:ext>
            </p:extLst>
          </p:nvPr>
        </p:nvGraphicFramePr>
        <p:xfrm>
          <a:off x="1774727" y="1706563"/>
          <a:ext cx="9312374" cy="454501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070974135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50CBDF-0DE3-25BF-AA23-2F9DC4A16DB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solidFill>
                  <a:srgbClr val="0000A0"/>
                </a:solidFill>
              </a:rPr>
              <a:t>VON NEUMANN EXAMPLE: INTEL 4004</a:t>
            </a:r>
            <a:endParaRPr lang="LID4096">
              <a:solidFill>
                <a:srgbClr val="0000A0"/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FCB2F54-BA73-9966-2038-9405A446BFB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/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0A35892-BD6D-0EFF-02C3-A3B525E5617F}"/>
              </a:ext>
            </a:extLst>
          </p:cNvPr>
          <p:cNvGrpSpPr/>
          <p:nvPr/>
        </p:nvGrpSpPr>
        <p:grpSpPr>
          <a:xfrm>
            <a:off x="6807471" y="1966154"/>
            <a:ext cx="4698979" cy="3544542"/>
            <a:chOff x="2249939" y="1265004"/>
            <a:chExt cx="6812889" cy="5139110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2BB54BCD-C5EE-F3E2-BFE6-E3D91B0970F1}"/>
                </a:ext>
              </a:extLst>
            </p:cNvPr>
            <p:cNvSpPr/>
            <p:nvPr/>
          </p:nvSpPr>
          <p:spPr>
            <a:xfrm>
              <a:off x="6516309" y="2646645"/>
              <a:ext cx="2546519" cy="3059701"/>
            </a:xfrm>
            <a:prstGeom prst="rect">
              <a:avLst/>
            </a:prstGeom>
            <a:solidFill>
              <a:srgbClr val="92D050">
                <a:alpha val="25000"/>
              </a:srgbClr>
            </a:solidFill>
            <a:ln w="28575">
              <a:solidFill>
                <a:srgbClr val="92D050"/>
              </a:solidFill>
              <a:prstDash val="solid"/>
              <a:extLst>
                <a:ext uri="{C807C97D-BFC1-408E-A445-0C87EB9F89A2}">
                  <ask:lineSketchStyleProps xmlns:ask="http://schemas.microsoft.com/office/drawing/2018/sketchyshapes">
                    <ask:type>
                      <ask:lineSketchNone/>
                    </ask:type>
                  </ask:lineSketchStyleProps>
                </a:ext>
              </a:extLst>
            </a:ln>
          </p:spPr>
          <p:style>
            <a:lnRef idx="1">
              <a:schemeClr val="accent4"/>
            </a:lnRef>
            <a:fillRef idx="2">
              <a:schemeClr val="accent4"/>
            </a:fillRef>
            <a:effectRef idx="1">
              <a:schemeClr val="accent4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9993F652-1371-CB0A-3884-E0A513CF0D66}"/>
                </a:ext>
              </a:extLst>
            </p:cNvPr>
            <p:cNvSpPr/>
            <p:nvPr/>
          </p:nvSpPr>
          <p:spPr>
            <a:xfrm>
              <a:off x="3388651" y="5546106"/>
              <a:ext cx="3020270" cy="467396"/>
            </a:xfrm>
            <a:prstGeom prst="rect">
              <a:avLst/>
            </a:prstGeom>
            <a:solidFill>
              <a:srgbClr val="FF0033">
                <a:alpha val="25000"/>
              </a:srgbClr>
            </a:solidFill>
            <a:ln w="28575">
              <a:solidFill>
                <a:srgbClr val="FF0033"/>
              </a:solidFill>
              <a:prstDash val="solid"/>
            </a:ln>
          </p:spPr>
          <p:style>
            <a:lnRef idx="1">
              <a:schemeClr val="accent4"/>
            </a:lnRef>
            <a:fillRef idx="2">
              <a:schemeClr val="accent4"/>
            </a:fillRef>
            <a:effectRef idx="1">
              <a:schemeClr val="accent4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3790DBB2-1BDA-6E77-AC96-6C6DC2BBAE4D}"/>
                </a:ext>
              </a:extLst>
            </p:cNvPr>
            <p:cNvSpPr/>
            <p:nvPr/>
          </p:nvSpPr>
          <p:spPr>
            <a:xfrm>
              <a:off x="5402164" y="2646645"/>
              <a:ext cx="951986" cy="590632"/>
            </a:xfrm>
            <a:prstGeom prst="rect">
              <a:avLst/>
            </a:prstGeom>
            <a:solidFill>
              <a:srgbClr val="FF0033">
                <a:alpha val="25000"/>
              </a:srgbClr>
            </a:solidFill>
            <a:ln w="28575">
              <a:solidFill>
                <a:srgbClr val="FF0033"/>
              </a:solidFill>
              <a:prstDash val="solid"/>
            </a:ln>
          </p:spPr>
          <p:style>
            <a:lnRef idx="1">
              <a:schemeClr val="accent4"/>
            </a:lnRef>
            <a:fillRef idx="2">
              <a:schemeClr val="accent4"/>
            </a:fillRef>
            <a:effectRef idx="1">
              <a:schemeClr val="accent4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19484D93-B0E5-CC2E-B788-528AE44D8DD3}"/>
                </a:ext>
              </a:extLst>
            </p:cNvPr>
            <p:cNvSpPr/>
            <p:nvPr/>
          </p:nvSpPr>
          <p:spPr>
            <a:xfrm>
              <a:off x="5388741" y="1265005"/>
              <a:ext cx="1557181" cy="831282"/>
            </a:xfrm>
            <a:prstGeom prst="rect">
              <a:avLst/>
            </a:prstGeom>
            <a:solidFill>
              <a:srgbClr val="FF9500">
                <a:alpha val="25000"/>
              </a:srgbClr>
            </a:solidFill>
            <a:ln w="28575">
              <a:solidFill>
                <a:srgbClr val="FF8800"/>
              </a:solidFill>
              <a:prstDash val="solid"/>
            </a:ln>
          </p:spPr>
          <p:style>
            <a:lnRef idx="1">
              <a:schemeClr val="accent4"/>
            </a:lnRef>
            <a:fillRef idx="2">
              <a:schemeClr val="accent4"/>
            </a:fillRef>
            <a:effectRef idx="1">
              <a:schemeClr val="accent4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DAF74673-8881-81FD-8917-08F9D81F56A4}"/>
                </a:ext>
              </a:extLst>
            </p:cNvPr>
            <p:cNvSpPr/>
            <p:nvPr/>
          </p:nvSpPr>
          <p:spPr>
            <a:xfrm>
              <a:off x="5402164" y="3499033"/>
              <a:ext cx="951986" cy="953064"/>
            </a:xfrm>
            <a:prstGeom prst="rect">
              <a:avLst/>
            </a:prstGeom>
            <a:solidFill>
              <a:srgbClr val="FF0033">
                <a:alpha val="25000"/>
              </a:srgbClr>
            </a:solidFill>
            <a:ln w="28575">
              <a:solidFill>
                <a:srgbClr val="FF0033"/>
              </a:solidFill>
              <a:prstDash val="solid"/>
            </a:ln>
          </p:spPr>
          <p:style>
            <a:lnRef idx="1">
              <a:schemeClr val="accent4"/>
            </a:lnRef>
            <a:fillRef idx="2">
              <a:schemeClr val="accent4"/>
            </a:fillRef>
            <a:effectRef idx="1">
              <a:schemeClr val="accent4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59727E95-DCF6-4BEE-BA99-4A93E50CEE22}"/>
                </a:ext>
              </a:extLst>
            </p:cNvPr>
            <p:cNvSpPr/>
            <p:nvPr/>
          </p:nvSpPr>
          <p:spPr>
            <a:xfrm>
              <a:off x="3994047" y="3237277"/>
              <a:ext cx="1055081" cy="2203120"/>
            </a:xfrm>
            <a:prstGeom prst="rect">
              <a:avLst/>
            </a:prstGeom>
            <a:solidFill>
              <a:srgbClr val="FF0033">
                <a:alpha val="25000"/>
              </a:srgbClr>
            </a:solidFill>
            <a:ln w="28575">
              <a:solidFill>
                <a:srgbClr val="FF0033"/>
              </a:solidFill>
              <a:prstDash val="solid"/>
            </a:ln>
          </p:spPr>
          <p:style>
            <a:lnRef idx="1">
              <a:schemeClr val="accent4"/>
            </a:lnRef>
            <a:fillRef idx="2">
              <a:schemeClr val="accent4"/>
            </a:fillRef>
            <a:effectRef idx="1">
              <a:schemeClr val="accent4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A9847CF1-3ED6-DD83-DB5F-845448741041}"/>
                </a:ext>
              </a:extLst>
            </p:cNvPr>
            <p:cNvSpPr/>
            <p:nvPr/>
          </p:nvSpPr>
          <p:spPr>
            <a:xfrm>
              <a:off x="2509417" y="2545970"/>
              <a:ext cx="1765180" cy="637614"/>
            </a:xfrm>
            <a:prstGeom prst="rect">
              <a:avLst/>
            </a:prstGeom>
            <a:solidFill>
              <a:srgbClr val="EC3C2A">
                <a:alpha val="25000"/>
              </a:srgbClr>
            </a:solidFill>
            <a:ln w="28575">
              <a:solidFill>
                <a:srgbClr val="FF0033"/>
              </a:solidFill>
              <a:prstDash val="solid"/>
            </a:ln>
          </p:spPr>
          <p:style>
            <a:lnRef idx="1">
              <a:schemeClr val="accent4"/>
            </a:lnRef>
            <a:fillRef idx="2">
              <a:schemeClr val="accent4"/>
            </a:fillRef>
            <a:effectRef idx="1">
              <a:schemeClr val="accent4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pic>
          <p:nvPicPr>
            <p:cNvPr id="6" name="Picture 6">
              <a:extLst>
                <a:ext uri="{FF2B5EF4-FFF2-40B4-BE49-F238E27FC236}">
                  <a16:creationId xmlns:a16="http://schemas.microsoft.com/office/drawing/2014/main" id="{EB1AD765-6574-529A-A21F-675AE856FDD0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2249939" y="1265004"/>
              <a:ext cx="6812889" cy="513911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2CD0B36F-4A0E-9E4A-BE4A-099CEB2BD028}"/>
                </a:ext>
              </a:extLst>
            </p:cNvPr>
            <p:cNvSpPr/>
            <p:nvPr/>
          </p:nvSpPr>
          <p:spPr>
            <a:xfrm>
              <a:off x="2249939" y="1318175"/>
              <a:ext cx="1249399" cy="173531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6" name="Arrow: Left-Right 15">
            <a:extLst>
              <a:ext uri="{FF2B5EF4-FFF2-40B4-BE49-F238E27FC236}">
                <a16:creationId xmlns:a16="http://schemas.microsoft.com/office/drawing/2014/main" id="{487B8E4B-F166-15E7-6F1E-BA28733FE845}"/>
              </a:ext>
            </a:extLst>
          </p:cNvPr>
          <p:cNvSpPr/>
          <p:nvPr/>
        </p:nvSpPr>
        <p:spPr>
          <a:xfrm rot="5400000">
            <a:off x="1250746" y="4883454"/>
            <a:ext cx="541846" cy="284298"/>
          </a:xfrm>
          <a:prstGeom prst="leftRightArrow">
            <a:avLst/>
          </a:prstGeom>
          <a:solidFill>
            <a:srgbClr val="FF95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17" name="Arrow: Left-Right 16">
            <a:extLst>
              <a:ext uri="{FF2B5EF4-FFF2-40B4-BE49-F238E27FC236}">
                <a16:creationId xmlns:a16="http://schemas.microsoft.com/office/drawing/2014/main" id="{300866EE-1AA6-BB11-7FD9-695C23910996}"/>
              </a:ext>
            </a:extLst>
          </p:cNvPr>
          <p:cNvSpPr/>
          <p:nvPr/>
        </p:nvSpPr>
        <p:spPr>
          <a:xfrm>
            <a:off x="4041562" y="4442331"/>
            <a:ext cx="724000" cy="273380"/>
          </a:xfrm>
          <a:prstGeom prst="leftRightArrow">
            <a:avLst/>
          </a:prstGeom>
          <a:solidFill>
            <a:srgbClr val="FF95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8421B3A-FC76-27B2-2B8E-D30CE40B21E8}"/>
              </a:ext>
            </a:extLst>
          </p:cNvPr>
          <p:cNvSpPr/>
          <p:nvPr/>
        </p:nvSpPr>
        <p:spPr>
          <a:xfrm>
            <a:off x="426438" y="2396366"/>
            <a:ext cx="4019549" cy="2635941"/>
          </a:xfrm>
          <a:prstGeom prst="rect">
            <a:avLst/>
          </a:prstGeom>
          <a:solidFill>
            <a:srgbClr val="00B0F0">
              <a:alpha val="10000"/>
            </a:srgbClr>
          </a:solidFill>
          <a:ln w="28575">
            <a:solidFill>
              <a:srgbClr val="0000A0"/>
            </a:solidFill>
            <a:prstDash val="solid"/>
          </a:ln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7BA60EC-F8E5-E2EE-CD18-16A023421BA9}"/>
              </a:ext>
            </a:extLst>
          </p:cNvPr>
          <p:cNvSpPr/>
          <p:nvPr/>
        </p:nvSpPr>
        <p:spPr>
          <a:xfrm>
            <a:off x="785577" y="5301237"/>
            <a:ext cx="1472184" cy="868680"/>
          </a:xfrm>
          <a:prstGeom prst="rect">
            <a:avLst/>
          </a:prstGeom>
          <a:solidFill>
            <a:srgbClr val="2F3EEA"/>
          </a:solidFill>
          <a:ln>
            <a:noFill/>
          </a:ln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>
                <a:latin typeface="+mj-lt"/>
                <a:ea typeface="Roboto Light" panose="02000000000000000000" pitchFamily="2" charset="0"/>
              </a:rPr>
              <a:t>Input/Output</a:t>
            </a:r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20" name="Freeform: Shape 19">
            <a:extLst>
              <a:ext uri="{FF2B5EF4-FFF2-40B4-BE49-F238E27FC236}">
                <a16:creationId xmlns:a16="http://schemas.microsoft.com/office/drawing/2014/main" id="{A5CCD966-B712-1E93-B097-22B6E6A61A42}"/>
              </a:ext>
            </a:extLst>
          </p:cNvPr>
          <p:cNvSpPr/>
          <p:nvPr/>
        </p:nvSpPr>
        <p:spPr>
          <a:xfrm>
            <a:off x="723532" y="4072122"/>
            <a:ext cx="1596275" cy="682556"/>
          </a:xfrm>
          <a:custGeom>
            <a:avLst/>
            <a:gdLst>
              <a:gd name="connsiteX0" fmla="*/ 2426677 w 2426677"/>
              <a:gd name="connsiteY0" fmla="*/ 0 h 861646"/>
              <a:gd name="connsiteX1" fmla="*/ 1941342 w 2426677"/>
              <a:gd name="connsiteY1" fmla="*/ 861646 h 861646"/>
              <a:gd name="connsiteX2" fmla="*/ 485336 w 2426677"/>
              <a:gd name="connsiteY2" fmla="*/ 861646 h 861646"/>
              <a:gd name="connsiteX3" fmla="*/ 0 w 2426677"/>
              <a:gd name="connsiteY3" fmla="*/ 0 h 861646"/>
              <a:gd name="connsiteX4" fmla="*/ 1036299 w 2426677"/>
              <a:gd name="connsiteY4" fmla="*/ 0 h 861646"/>
              <a:gd name="connsiteX5" fmla="*/ 1213339 w 2426677"/>
              <a:gd name="connsiteY5" fmla="*/ 319209 h 861646"/>
              <a:gd name="connsiteX6" fmla="*/ 1390379 w 2426677"/>
              <a:gd name="connsiteY6" fmla="*/ 0 h 8616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426677" h="861646">
                <a:moveTo>
                  <a:pt x="2426677" y="0"/>
                </a:moveTo>
                <a:lnTo>
                  <a:pt x="1941342" y="861646"/>
                </a:lnTo>
                <a:lnTo>
                  <a:pt x="485336" y="861646"/>
                </a:lnTo>
                <a:lnTo>
                  <a:pt x="0" y="0"/>
                </a:lnTo>
                <a:lnTo>
                  <a:pt x="1036299" y="0"/>
                </a:lnTo>
                <a:lnTo>
                  <a:pt x="1213339" y="319209"/>
                </a:lnTo>
                <a:lnTo>
                  <a:pt x="1390379" y="0"/>
                </a:lnTo>
                <a:close/>
              </a:path>
            </a:pathLst>
          </a:cu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r>
              <a:rPr lang="en-US">
                <a:latin typeface="+mj-lt"/>
                <a:ea typeface="Roboto Light" panose="02000000000000000000" pitchFamily="2" charset="0"/>
              </a:rPr>
              <a:t>ALU</a:t>
            </a:r>
          </a:p>
        </p:txBody>
      </p:sp>
      <p:sp>
        <p:nvSpPr>
          <p:cNvPr id="21" name="Arrow: Down 20">
            <a:extLst>
              <a:ext uri="{FF2B5EF4-FFF2-40B4-BE49-F238E27FC236}">
                <a16:creationId xmlns:a16="http://schemas.microsoft.com/office/drawing/2014/main" id="{D0C566F7-F07F-C511-0D4B-80606FC48D1A}"/>
              </a:ext>
            </a:extLst>
          </p:cNvPr>
          <p:cNvSpPr/>
          <p:nvPr/>
        </p:nvSpPr>
        <p:spPr>
          <a:xfrm rot="10800000">
            <a:off x="1807640" y="3471494"/>
            <a:ext cx="266562" cy="600627"/>
          </a:xfrm>
          <a:prstGeom prst="downArrow">
            <a:avLst/>
          </a:prstGeom>
          <a:solidFill>
            <a:srgbClr val="FF9500"/>
          </a:solidFill>
          <a:ln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E51C7264-7537-BA5C-E187-DED5CD94F9E4}"/>
              </a:ext>
            </a:extLst>
          </p:cNvPr>
          <p:cNvSpPr/>
          <p:nvPr/>
        </p:nvSpPr>
        <p:spPr>
          <a:xfrm>
            <a:off x="2834888" y="4056190"/>
            <a:ext cx="1206673" cy="712012"/>
          </a:xfrm>
          <a:prstGeom prst="rect">
            <a:avLst/>
          </a:prstGeom>
          <a:solidFill>
            <a:srgbClr val="2F3EEA"/>
          </a:solidFill>
          <a:ln>
            <a:noFill/>
          </a:ln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>
                <a:latin typeface="+mj-lt"/>
                <a:ea typeface="Roboto Light" panose="02000000000000000000" pitchFamily="2" charset="0"/>
              </a:rPr>
              <a:t>CONTROL</a:t>
            </a:r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DA036C97-3FC1-79BF-01AF-2E9FC807ABEE}"/>
              </a:ext>
            </a:extLst>
          </p:cNvPr>
          <p:cNvSpPr/>
          <p:nvPr/>
        </p:nvSpPr>
        <p:spPr>
          <a:xfrm>
            <a:off x="572006" y="2733465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Program counter (PC)</a:t>
            </a: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7E685F4B-6960-E698-3D84-AB142DBB933D}"/>
              </a:ext>
            </a:extLst>
          </p:cNvPr>
          <p:cNvSpPr/>
          <p:nvPr/>
        </p:nvSpPr>
        <p:spPr>
          <a:xfrm>
            <a:off x="579195" y="2986880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Memory address (MAR)</a:t>
            </a: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457C37C3-5128-72CF-57F0-B3759708126C}"/>
              </a:ext>
            </a:extLst>
          </p:cNvPr>
          <p:cNvSpPr/>
          <p:nvPr/>
        </p:nvSpPr>
        <p:spPr>
          <a:xfrm>
            <a:off x="579195" y="3243256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Instruction (IR)</a:t>
            </a:r>
          </a:p>
        </p:txBody>
      </p: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782D2D24-6F92-4B72-9231-DED5C9503E2D}"/>
              </a:ext>
            </a:extLst>
          </p:cNvPr>
          <p:cNvSpPr/>
          <p:nvPr/>
        </p:nvSpPr>
        <p:spPr>
          <a:xfrm>
            <a:off x="2475085" y="2726478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Accumulator (AC)</a:t>
            </a: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78DB3861-00AB-9CB6-BF35-4A0DAEF0D15B}"/>
              </a:ext>
            </a:extLst>
          </p:cNvPr>
          <p:cNvSpPr/>
          <p:nvPr/>
        </p:nvSpPr>
        <p:spPr>
          <a:xfrm>
            <a:off x="2475085" y="2988232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Memory data (MDR)</a:t>
            </a: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CC509465-B363-3236-05DB-98FBFB953892}"/>
              </a:ext>
            </a:extLst>
          </p:cNvPr>
          <p:cNvSpPr/>
          <p:nvPr/>
        </p:nvSpPr>
        <p:spPr>
          <a:xfrm>
            <a:off x="2475085" y="3249987"/>
            <a:ext cx="1828800" cy="232587"/>
          </a:xfrm>
          <a:prstGeom prst="roundRect">
            <a:avLst>
              <a:gd name="adj" fmla="val 39224"/>
            </a:avLst>
          </a:prstGeom>
          <a:solidFill>
            <a:srgbClr val="2F3E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>
                <a:latin typeface="+mj-lt"/>
                <a:ea typeface="Roboto Light" panose="02000000000000000000" pitchFamily="2" charset="0"/>
              </a:rPr>
              <a:t>Others…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3B491826-316C-78C9-AE77-B0CEA43913CF}"/>
              </a:ext>
            </a:extLst>
          </p:cNvPr>
          <p:cNvSpPr txBox="1"/>
          <p:nvPr/>
        </p:nvSpPr>
        <p:spPr>
          <a:xfrm>
            <a:off x="1927229" y="2417266"/>
            <a:ext cx="1050288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600">
                <a:latin typeface="+mj-lt"/>
                <a:ea typeface="Roboto Light" panose="02000000000000000000" pitchFamily="2" charset="0"/>
              </a:rPr>
              <a:t>Registers</a:t>
            </a:r>
          </a:p>
        </p:txBody>
      </p:sp>
      <p:sp>
        <p:nvSpPr>
          <p:cNvPr id="31" name="Arrow: Left-Right 30">
            <a:extLst>
              <a:ext uri="{FF2B5EF4-FFF2-40B4-BE49-F238E27FC236}">
                <a16:creationId xmlns:a16="http://schemas.microsoft.com/office/drawing/2014/main" id="{B8C070F6-5F07-E832-BFF9-B82E8C2E4886}"/>
              </a:ext>
            </a:extLst>
          </p:cNvPr>
          <p:cNvSpPr/>
          <p:nvPr/>
        </p:nvSpPr>
        <p:spPr>
          <a:xfrm>
            <a:off x="2074202" y="4446921"/>
            <a:ext cx="759995" cy="273380"/>
          </a:xfrm>
          <a:prstGeom prst="leftRightArrow">
            <a:avLst/>
          </a:prstGeom>
          <a:solidFill>
            <a:srgbClr val="FF95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28983913-7FF7-BABF-361C-99CAD7C2D502}"/>
              </a:ext>
            </a:extLst>
          </p:cNvPr>
          <p:cNvSpPr txBox="1"/>
          <p:nvPr/>
        </p:nvSpPr>
        <p:spPr>
          <a:xfrm>
            <a:off x="315409" y="2053210"/>
            <a:ext cx="418517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s-MX">
                <a:latin typeface="+mj-lt"/>
                <a:ea typeface="Roboto Light" panose="02000000000000000000" pitchFamily="2" charset="0"/>
              </a:rPr>
              <a:t>CPU</a:t>
            </a:r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33" name="Arrow: Down 32">
            <a:extLst>
              <a:ext uri="{FF2B5EF4-FFF2-40B4-BE49-F238E27FC236}">
                <a16:creationId xmlns:a16="http://schemas.microsoft.com/office/drawing/2014/main" id="{ECFA49B7-1799-F282-EA17-33DA2EB2134F}"/>
              </a:ext>
            </a:extLst>
          </p:cNvPr>
          <p:cNvSpPr/>
          <p:nvPr/>
        </p:nvSpPr>
        <p:spPr>
          <a:xfrm rot="10800000">
            <a:off x="934346" y="3471494"/>
            <a:ext cx="266562" cy="600627"/>
          </a:xfrm>
          <a:prstGeom prst="downArrow">
            <a:avLst/>
          </a:prstGeom>
          <a:solidFill>
            <a:srgbClr val="FF9500"/>
          </a:solidFill>
          <a:ln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latin typeface="+mj-lt"/>
              <a:ea typeface="Roboto Light" panose="02000000000000000000" pitchFamily="2" charset="0"/>
            </a:endParaRPr>
          </a:p>
        </p:txBody>
      </p: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59D5F09B-E896-C534-331A-5AB896B743D1}"/>
              </a:ext>
            </a:extLst>
          </p:cNvPr>
          <p:cNvCxnSpPr>
            <a:cxnSpLocks/>
          </p:cNvCxnSpPr>
          <p:nvPr/>
        </p:nvCxnSpPr>
        <p:spPr>
          <a:xfrm flipH="1">
            <a:off x="2217138" y="4324090"/>
            <a:ext cx="617750" cy="0"/>
          </a:xfrm>
          <a:prstGeom prst="straightConnector1">
            <a:avLst/>
          </a:prstGeom>
          <a:ln w="57150">
            <a:solidFill>
              <a:srgbClr val="00B0F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6431A0A7-129F-3906-B16F-B733165913CD}"/>
              </a:ext>
            </a:extLst>
          </p:cNvPr>
          <p:cNvCxnSpPr>
            <a:cxnSpLocks/>
          </p:cNvCxnSpPr>
          <p:nvPr/>
        </p:nvCxnSpPr>
        <p:spPr>
          <a:xfrm>
            <a:off x="4041561" y="4324090"/>
            <a:ext cx="724000" cy="0"/>
          </a:xfrm>
          <a:prstGeom prst="straightConnector1">
            <a:avLst/>
          </a:prstGeom>
          <a:ln w="57150">
            <a:solidFill>
              <a:srgbClr val="00B0F0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Rectangle 37">
            <a:extLst>
              <a:ext uri="{FF2B5EF4-FFF2-40B4-BE49-F238E27FC236}">
                <a16:creationId xmlns:a16="http://schemas.microsoft.com/office/drawing/2014/main" id="{8ED4E0D4-0B90-DD22-207A-92F302232FAB}"/>
              </a:ext>
            </a:extLst>
          </p:cNvPr>
          <p:cNvSpPr/>
          <p:nvPr/>
        </p:nvSpPr>
        <p:spPr>
          <a:xfrm rot="16200000">
            <a:off x="8542449" y="4465837"/>
            <a:ext cx="260618" cy="2321196"/>
          </a:xfrm>
          <a:prstGeom prst="rect">
            <a:avLst/>
          </a:prstGeom>
          <a:solidFill>
            <a:srgbClr val="0000A0"/>
          </a:solidFill>
          <a:ln>
            <a:noFill/>
          </a:ln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vert="vert" rtlCol="0" anchor="ctr"/>
          <a:lstStyle/>
          <a:p>
            <a:pPr algn="ctr"/>
            <a:r>
              <a:rPr lang="es-MX">
                <a:latin typeface="+mj-lt"/>
                <a:ea typeface="Roboto Light" panose="02000000000000000000" pitchFamily="2" charset="0"/>
              </a:rPr>
              <a:t>MEMORY</a:t>
            </a:r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00F0B511-82E5-82F4-EE54-32A34D4CF0D2}"/>
              </a:ext>
            </a:extLst>
          </p:cNvPr>
          <p:cNvSpPr/>
          <p:nvPr/>
        </p:nvSpPr>
        <p:spPr>
          <a:xfrm>
            <a:off x="4761347" y="3263573"/>
            <a:ext cx="1333859" cy="2321196"/>
          </a:xfrm>
          <a:prstGeom prst="rect">
            <a:avLst/>
          </a:prstGeom>
          <a:solidFill>
            <a:srgbClr val="2F3EEA"/>
          </a:solidFill>
          <a:ln>
            <a:noFill/>
          </a:ln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>
                <a:latin typeface="+mj-lt"/>
                <a:ea typeface="Roboto Light" panose="02000000000000000000" pitchFamily="2" charset="0"/>
              </a:rPr>
              <a:t>MEMORY</a:t>
            </a:r>
            <a:endParaRPr lang="en-US"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75DEF116-7F60-E854-4204-9D759739C586}"/>
              </a:ext>
            </a:extLst>
          </p:cNvPr>
          <p:cNvSpPr/>
          <p:nvPr/>
        </p:nvSpPr>
        <p:spPr>
          <a:xfrm>
            <a:off x="4935858" y="3429000"/>
            <a:ext cx="1006705" cy="828480"/>
          </a:xfrm>
          <a:prstGeom prst="rect">
            <a:avLst/>
          </a:prstGeom>
          <a:solidFill>
            <a:srgbClr val="E2FA00"/>
          </a:solidFill>
          <a:ln>
            <a:noFill/>
          </a:ln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200">
                <a:solidFill>
                  <a:schemeClr val="tx1"/>
                </a:solidFill>
                <a:latin typeface="+mj-lt"/>
                <a:ea typeface="Roboto Light" panose="02000000000000000000" pitchFamily="2" charset="0"/>
              </a:rPr>
              <a:t>DATA</a:t>
            </a:r>
            <a:endParaRPr lang="en-US" sz="1200">
              <a:solidFill>
                <a:schemeClr val="tx1"/>
              </a:solidFill>
              <a:latin typeface="+mj-lt"/>
              <a:ea typeface="Roboto Light" panose="02000000000000000000" pitchFamily="2" charset="0"/>
            </a:endParaRPr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F34DD76D-64C3-DC87-E668-BEF30168D07C}"/>
              </a:ext>
            </a:extLst>
          </p:cNvPr>
          <p:cNvSpPr/>
          <p:nvPr/>
        </p:nvSpPr>
        <p:spPr>
          <a:xfrm>
            <a:off x="4953749" y="4572011"/>
            <a:ext cx="981630" cy="828479"/>
          </a:xfrm>
          <a:prstGeom prst="rect">
            <a:avLst/>
          </a:prstGeom>
          <a:solidFill>
            <a:srgbClr val="E2FA00"/>
          </a:solidFill>
          <a:ln>
            <a:noFill/>
          </a:ln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s-MX" sz="1200">
                <a:solidFill>
                  <a:schemeClr val="tx1"/>
                </a:solidFill>
                <a:latin typeface="+mj-lt"/>
                <a:ea typeface="Roboto Light" panose="02000000000000000000" pitchFamily="2" charset="0"/>
              </a:rPr>
              <a:t>PROGRAM</a:t>
            </a:r>
            <a:endParaRPr lang="en-US" sz="1200">
              <a:solidFill>
                <a:schemeClr val="tx1"/>
              </a:solidFill>
              <a:latin typeface="+mj-lt"/>
              <a:ea typeface="Roboto Light" panose="02000000000000000000" pitchFamily="2" charset="0"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683EA9C5-5D87-6B4E-0077-B0D50A97495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990712" y="5165702"/>
            <a:ext cx="2098929" cy="12661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981470410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Arrow: Right 49">
            <a:extLst>
              <a:ext uri="{FF2B5EF4-FFF2-40B4-BE49-F238E27FC236}">
                <a16:creationId xmlns:a16="http://schemas.microsoft.com/office/drawing/2014/main" id="{F60D62BF-28B4-B725-8B04-DEA76A51E518}"/>
              </a:ext>
            </a:extLst>
          </p:cNvPr>
          <p:cNvSpPr/>
          <p:nvPr/>
        </p:nvSpPr>
        <p:spPr bwMode="auto">
          <a:xfrm>
            <a:off x="9218519" y="1967749"/>
            <a:ext cx="1198981" cy="434109"/>
          </a:xfrm>
          <a:prstGeom prst="rightArrow">
            <a:avLst/>
          </a:prstGeom>
          <a:solidFill>
            <a:srgbClr val="FF95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40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address</a:t>
            </a:r>
            <a:endParaRPr kumimoji="0" lang="LID4096" sz="1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0A1DBB2-D57D-358E-D26B-465FE1573A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solidFill>
                  <a:srgbClr val="0000A0"/>
                </a:solidFill>
              </a:rPr>
              <a:t>VON NEUMANN VS HARVARD</a:t>
            </a:r>
            <a:endParaRPr lang="LID4096">
              <a:solidFill>
                <a:srgbClr val="0000A0"/>
              </a:solidFill>
            </a:endParaRP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F1C0750F-3976-9233-2542-0B515FE4B9DE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3871012"/>
            <a:ext cx="4410177" cy="2463286"/>
          </a:xfrm>
        </p:spPr>
        <p:txBody>
          <a:bodyPr>
            <a:normAutofit fontScale="92500" lnSpcReduction="10000"/>
          </a:bodyPr>
          <a:lstStyle/>
          <a:p>
            <a:pPr marL="0" indent="0" algn="ctr">
              <a:buNone/>
            </a:pPr>
            <a:r>
              <a:rPr lang="en-US" b="1"/>
              <a:t>VON NEUMANN</a:t>
            </a:r>
          </a:p>
          <a:p>
            <a:r>
              <a:rPr lang="en-US"/>
              <a:t>Data and Program in the same physical memory</a:t>
            </a:r>
          </a:p>
          <a:p>
            <a:r>
              <a:rPr lang="en-US"/>
              <a:t>Single BUS that </a:t>
            </a:r>
            <a:r>
              <a:rPr lang="en-US" b="1">
                <a:solidFill>
                  <a:srgbClr val="2F3EEA"/>
                </a:solidFill>
              </a:rPr>
              <a:t>sequentially</a:t>
            </a:r>
            <a:r>
              <a:rPr lang="en-US"/>
              <a:t> reads data and instructions</a:t>
            </a:r>
          </a:p>
          <a:p>
            <a:pPr marL="558900" lvl="1" indent="-342900">
              <a:buFont typeface="+mj-lt"/>
              <a:buAutoNum type="arabicPeriod"/>
            </a:pPr>
            <a:r>
              <a:rPr lang="en-US"/>
              <a:t>One instrution cycle to read an instruction </a:t>
            </a:r>
          </a:p>
          <a:p>
            <a:pPr marL="558900" lvl="1" indent="-342900">
              <a:buFont typeface="+mj-lt"/>
              <a:buAutoNum type="arabicPeriod"/>
            </a:pPr>
            <a:r>
              <a:rPr lang="en-US"/>
              <a:t>One instruction cycle to read data</a:t>
            </a:r>
          </a:p>
          <a:p>
            <a:r>
              <a:rPr lang="en-US" b="1"/>
              <a:t>Slower but simpler than Harvard</a:t>
            </a:r>
          </a:p>
          <a:p>
            <a:pPr marL="0" indent="0">
              <a:buNone/>
            </a:pPr>
            <a:endParaRPr lang="LID4096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50F19A36-B650-4187-ADCF-7D725079901C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1" y="3871010"/>
            <a:ext cx="4409100" cy="2382189"/>
          </a:xfrm>
        </p:spPr>
        <p:txBody>
          <a:bodyPr/>
          <a:lstStyle/>
          <a:p>
            <a:pPr marL="0" indent="0" algn="ctr">
              <a:buNone/>
            </a:pPr>
            <a:r>
              <a:rPr lang="en-US" sz="1700" b="1"/>
              <a:t>HARVARD</a:t>
            </a:r>
          </a:p>
          <a:p>
            <a:r>
              <a:rPr lang="en-US" sz="1700"/>
              <a:t>Data and program in separate physical memory</a:t>
            </a:r>
          </a:p>
          <a:p>
            <a:r>
              <a:rPr lang="en-US" sz="1700" b="1">
                <a:solidFill>
                  <a:srgbClr val="2F3EEA"/>
                </a:solidFill>
              </a:rPr>
              <a:t>Fetch</a:t>
            </a:r>
            <a:r>
              <a:rPr lang="en-US" sz="1700">
                <a:solidFill>
                  <a:srgbClr val="2F3EEA"/>
                </a:solidFill>
              </a:rPr>
              <a:t> </a:t>
            </a:r>
            <a:r>
              <a:rPr lang="en-US" sz="1700"/>
              <a:t>can be carried out while other instruction is in </a:t>
            </a:r>
            <a:r>
              <a:rPr lang="en-US" sz="1700" b="1">
                <a:solidFill>
                  <a:srgbClr val="2F3EEA"/>
                </a:solidFill>
              </a:rPr>
              <a:t>Execution</a:t>
            </a:r>
          </a:p>
          <a:p>
            <a:pPr lvl="1"/>
            <a:r>
              <a:rPr lang="en-US" sz="1700"/>
              <a:t>This is called </a:t>
            </a:r>
            <a:r>
              <a:rPr lang="en-US" sz="1700" b="1"/>
              <a:t>Pipelining</a:t>
            </a:r>
          </a:p>
          <a:p>
            <a:r>
              <a:rPr lang="en-US" sz="1700" b="1"/>
              <a:t>Faster but more complex than Von Neumann</a:t>
            </a:r>
            <a:endParaRPr lang="LID4096" sz="1700" b="1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F895E4C-584D-8D65-7071-ECA55A484E6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1</a:t>
            </a:fld>
            <a:endParaRPr lang="en-GB"/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BFCE5AC4-76F7-9C6C-0363-99E46D9CC349}"/>
              </a:ext>
            </a:extLst>
          </p:cNvPr>
          <p:cNvSpPr/>
          <p:nvPr/>
        </p:nvSpPr>
        <p:spPr bwMode="auto">
          <a:xfrm>
            <a:off x="4157596" y="1840470"/>
            <a:ext cx="1853590" cy="1779104"/>
          </a:xfrm>
          <a:prstGeom prst="roundRect">
            <a:avLst>
              <a:gd name="adj" fmla="val 8129"/>
            </a:avLst>
          </a:prstGeom>
          <a:solidFill>
            <a:srgbClr val="2F3EEA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Main Memory</a:t>
            </a:r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82ED40E4-69A5-D020-1EAF-3D10B74199A1}"/>
              </a:ext>
            </a:extLst>
          </p:cNvPr>
          <p:cNvSpPr/>
          <p:nvPr/>
        </p:nvSpPr>
        <p:spPr bwMode="auto">
          <a:xfrm>
            <a:off x="1970865" y="1840470"/>
            <a:ext cx="670768" cy="1779104"/>
          </a:xfrm>
          <a:prstGeom prst="roundRect">
            <a:avLst>
              <a:gd name="adj" fmla="val 8129"/>
            </a:avLst>
          </a:prstGeom>
          <a:solidFill>
            <a:srgbClr val="2F3EEA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wordArtVert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PU</a:t>
            </a: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3676D5F6-CCCB-C617-4059-1603B655C3A0}"/>
              </a:ext>
            </a:extLst>
          </p:cNvPr>
          <p:cNvSpPr/>
          <p:nvPr/>
        </p:nvSpPr>
        <p:spPr bwMode="auto">
          <a:xfrm>
            <a:off x="4433704" y="2389516"/>
            <a:ext cx="1301375" cy="379675"/>
          </a:xfrm>
          <a:prstGeom prst="roundRect">
            <a:avLst>
              <a:gd name="adj" fmla="val 8129"/>
            </a:avLst>
          </a:prstGeom>
          <a:solidFill>
            <a:srgbClr val="E2FA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>
                <a:latin typeface="+mn-lt"/>
              </a:rPr>
              <a:t>DATA</a:t>
            </a:r>
            <a:endParaRPr kumimoji="0" lang="en-US" b="0" i="0" u="none" strike="noStrike" cap="none" normalizeH="0" baseline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9066E105-DCC5-3F2E-180C-163051867339}"/>
              </a:ext>
            </a:extLst>
          </p:cNvPr>
          <p:cNvSpPr/>
          <p:nvPr/>
        </p:nvSpPr>
        <p:spPr bwMode="auto">
          <a:xfrm>
            <a:off x="4433704" y="2998138"/>
            <a:ext cx="1301375" cy="379675"/>
          </a:xfrm>
          <a:prstGeom prst="roundRect">
            <a:avLst>
              <a:gd name="adj" fmla="val 8129"/>
            </a:avLst>
          </a:prstGeom>
          <a:solidFill>
            <a:srgbClr val="E2FA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>
                <a:latin typeface="+mn-lt"/>
              </a:rPr>
              <a:t>PROGRAM</a:t>
            </a:r>
            <a:endParaRPr kumimoji="0" lang="en-US" b="0" i="0" u="none" strike="noStrike" cap="none" normalizeH="0" baseline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5BD910E1-6EF1-A07E-801E-04933733DC88}"/>
              </a:ext>
            </a:extLst>
          </p:cNvPr>
          <p:cNvSpPr/>
          <p:nvPr/>
        </p:nvSpPr>
        <p:spPr bwMode="auto">
          <a:xfrm>
            <a:off x="10417500" y="1840470"/>
            <a:ext cx="669600" cy="1779104"/>
          </a:xfrm>
          <a:prstGeom prst="roundRect">
            <a:avLst>
              <a:gd name="adj" fmla="val 8129"/>
            </a:avLst>
          </a:prstGeom>
          <a:solidFill>
            <a:srgbClr val="2F3EEA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vert270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2000">
                <a:solidFill>
                  <a:srgbClr val="FFFFFF"/>
                </a:solidFill>
                <a:latin typeface="+mn-lt"/>
              </a:rPr>
              <a:t>PROGRAM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MEMORY</a:t>
            </a:r>
          </a:p>
        </p:txBody>
      </p:sp>
      <p:sp>
        <p:nvSpPr>
          <p:cNvPr id="29" name="Rectangle: Rounded Corners 28">
            <a:extLst>
              <a:ext uri="{FF2B5EF4-FFF2-40B4-BE49-F238E27FC236}">
                <a16:creationId xmlns:a16="http://schemas.microsoft.com/office/drawing/2014/main" id="{82005BAD-1864-29A0-ECF5-B1EC27F734B7}"/>
              </a:ext>
            </a:extLst>
          </p:cNvPr>
          <p:cNvSpPr/>
          <p:nvPr/>
        </p:nvSpPr>
        <p:spPr bwMode="auto">
          <a:xfrm>
            <a:off x="8547751" y="1840470"/>
            <a:ext cx="670768" cy="1779104"/>
          </a:xfrm>
          <a:prstGeom prst="roundRect">
            <a:avLst>
              <a:gd name="adj" fmla="val 8129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wordArtVert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PU</a:t>
            </a:r>
          </a:p>
        </p:txBody>
      </p:sp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790A3B10-F7E1-02E9-1548-36DCE5C36EA0}"/>
              </a:ext>
            </a:extLst>
          </p:cNvPr>
          <p:cNvSpPr/>
          <p:nvPr/>
        </p:nvSpPr>
        <p:spPr bwMode="auto">
          <a:xfrm>
            <a:off x="6678001" y="1840470"/>
            <a:ext cx="670768" cy="1779104"/>
          </a:xfrm>
          <a:prstGeom prst="roundRect">
            <a:avLst>
              <a:gd name="adj" fmla="val 8129"/>
            </a:avLst>
          </a:prstGeom>
          <a:solidFill>
            <a:srgbClr val="2F3EEA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vert270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ATA MEMORY</a:t>
            </a:r>
          </a:p>
        </p:txBody>
      </p: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06D9CE4C-C09A-1E29-2EE4-DCC97F0C6ECD}"/>
              </a:ext>
            </a:extLst>
          </p:cNvPr>
          <p:cNvCxnSpPr>
            <a:cxnSpLocks/>
          </p:cNvCxnSpPr>
          <p:nvPr/>
        </p:nvCxnSpPr>
        <p:spPr>
          <a:xfrm>
            <a:off x="2648076" y="3377813"/>
            <a:ext cx="1509520" cy="0"/>
          </a:xfrm>
          <a:prstGeom prst="straightConnector1">
            <a:avLst/>
          </a:prstGeom>
          <a:ln w="57150">
            <a:solidFill>
              <a:srgbClr val="00B0F0"/>
            </a:solidFill>
            <a:tailEnd type="arrow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4" name="Arrow: Right 43">
            <a:extLst>
              <a:ext uri="{FF2B5EF4-FFF2-40B4-BE49-F238E27FC236}">
                <a16:creationId xmlns:a16="http://schemas.microsoft.com/office/drawing/2014/main" id="{3ABD1338-28D7-344A-AD0D-EDDAA07754C5}"/>
              </a:ext>
            </a:extLst>
          </p:cNvPr>
          <p:cNvSpPr/>
          <p:nvPr/>
        </p:nvSpPr>
        <p:spPr bwMode="auto">
          <a:xfrm>
            <a:off x="2648075" y="1965759"/>
            <a:ext cx="1509520" cy="434109"/>
          </a:xfrm>
          <a:prstGeom prst="rightArrow">
            <a:avLst/>
          </a:prstGeom>
          <a:solidFill>
            <a:srgbClr val="FF95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address</a:t>
            </a: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8" name="Arrow: Left 47">
            <a:extLst>
              <a:ext uri="{FF2B5EF4-FFF2-40B4-BE49-F238E27FC236}">
                <a16:creationId xmlns:a16="http://schemas.microsoft.com/office/drawing/2014/main" id="{B9B3EE84-89AE-DC0B-05DF-89C118656E3D}"/>
              </a:ext>
            </a:extLst>
          </p:cNvPr>
          <p:cNvSpPr/>
          <p:nvPr/>
        </p:nvSpPr>
        <p:spPr bwMode="auto">
          <a:xfrm>
            <a:off x="2649195" y="2551391"/>
            <a:ext cx="1508400" cy="435600"/>
          </a:xfrm>
          <a:prstGeom prst="leftArrow">
            <a:avLst/>
          </a:prstGeom>
          <a:solidFill>
            <a:srgbClr val="FF95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ata/instr.</a:t>
            </a:r>
            <a:endParaRPr kumimoji="0" lang="LID4096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E1D89F15-978F-48D3-0F7B-D1FB4C53B032}"/>
              </a:ext>
            </a:extLst>
          </p:cNvPr>
          <p:cNvSpPr txBox="1"/>
          <p:nvPr/>
        </p:nvSpPr>
        <p:spPr>
          <a:xfrm>
            <a:off x="3000671" y="3397481"/>
            <a:ext cx="61555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>
                <a:latin typeface="+mn-lt"/>
              </a:rPr>
              <a:t>control</a:t>
            </a:r>
            <a:endParaRPr lang="LID4096" dirty="0" err="1">
              <a:latin typeface="+mn-lt"/>
            </a:endParaRPr>
          </a:p>
        </p:txBody>
      </p:sp>
      <p:sp>
        <p:nvSpPr>
          <p:cNvPr id="51" name="Arrow: Left 50">
            <a:extLst>
              <a:ext uri="{FF2B5EF4-FFF2-40B4-BE49-F238E27FC236}">
                <a16:creationId xmlns:a16="http://schemas.microsoft.com/office/drawing/2014/main" id="{B1F700C4-43C3-9310-53E4-4485EB8F4646}"/>
              </a:ext>
            </a:extLst>
          </p:cNvPr>
          <p:cNvSpPr/>
          <p:nvPr/>
        </p:nvSpPr>
        <p:spPr bwMode="auto">
          <a:xfrm>
            <a:off x="7348769" y="1965759"/>
            <a:ext cx="1198800" cy="435600"/>
          </a:xfrm>
          <a:prstGeom prst="leftArrow">
            <a:avLst/>
          </a:prstGeom>
          <a:solidFill>
            <a:srgbClr val="FF95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40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address</a:t>
            </a:r>
            <a:endParaRPr kumimoji="0" lang="LID4096" sz="1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3" name="Arrow: Left 52">
            <a:extLst>
              <a:ext uri="{FF2B5EF4-FFF2-40B4-BE49-F238E27FC236}">
                <a16:creationId xmlns:a16="http://schemas.microsoft.com/office/drawing/2014/main" id="{EBEA9D91-EDE4-5149-4A10-51894B136203}"/>
              </a:ext>
            </a:extLst>
          </p:cNvPr>
          <p:cNvSpPr/>
          <p:nvPr/>
        </p:nvSpPr>
        <p:spPr bwMode="auto">
          <a:xfrm>
            <a:off x="7374765" y="2551391"/>
            <a:ext cx="1172804" cy="435600"/>
          </a:xfrm>
          <a:prstGeom prst="leftArrow">
            <a:avLst/>
          </a:prstGeom>
          <a:solidFill>
            <a:srgbClr val="FF95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40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ata</a:t>
            </a:r>
            <a:endParaRPr kumimoji="0" lang="LID4096" sz="1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4" name="Arrow: Right 53">
            <a:extLst>
              <a:ext uri="{FF2B5EF4-FFF2-40B4-BE49-F238E27FC236}">
                <a16:creationId xmlns:a16="http://schemas.microsoft.com/office/drawing/2014/main" id="{972FAD78-C8FB-A65B-5A55-F7EA75AF952C}"/>
              </a:ext>
            </a:extLst>
          </p:cNvPr>
          <p:cNvSpPr/>
          <p:nvPr/>
        </p:nvSpPr>
        <p:spPr bwMode="auto">
          <a:xfrm>
            <a:off x="9218519" y="2556080"/>
            <a:ext cx="1198981" cy="434109"/>
          </a:xfrm>
          <a:prstGeom prst="rightArrow">
            <a:avLst/>
          </a:prstGeom>
          <a:solidFill>
            <a:srgbClr val="FF95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40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nstruction</a:t>
            </a:r>
            <a:endParaRPr kumimoji="0" lang="LID4096" sz="1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D5A9AE40-7BE5-614C-CDEB-FD1FB7618441}"/>
              </a:ext>
            </a:extLst>
          </p:cNvPr>
          <p:cNvCxnSpPr>
            <a:cxnSpLocks/>
          </p:cNvCxnSpPr>
          <p:nvPr/>
        </p:nvCxnSpPr>
        <p:spPr>
          <a:xfrm>
            <a:off x="9218519" y="3377813"/>
            <a:ext cx="1198981" cy="0"/>
          </a:xfrm>
          <a:prstGeom prst="straightConnector1">
            <a:avLst/>
          </a:prstGeom>
          <a:ln w="57150">
            <a:solidFill>
              <a:srgbClr val="00B0F0"/>
            </a:solidFill>
            <a:tailEnd type="arrow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C69CE14F-EE77-2EBE-2AE1-16C2FA452C5D}"/>
              </a:ext>
            </a:extLst>
          </p:cNvPr>
          <p:cNvCxnSpPr>
            <a:cxnSpLocks/>
          </p:cNvCxnSpPr>
          <p:nvPr/>
        </p:nvCxnSpPr>
        <p:spPr>
          <a:xfrm flipH="1">
            <a:off x="7348769" y="3377813"/>
            <a:ext cx="1198800" cy="0"/>
          </a:xfrm>
          <a:prstGeom prst="straightConnector1">
            <a:avLst/>
          </a:prstGeom>
          <a:ln w="57150">
            <a:solidFill>
              <a:srgbClr val="00B0F0"/>
            </a:solidFill>
            <a:tailEnd type="arrow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3" name="TextBox 62">
            <a:extLst>
              <a:ext uri="{FF2B5EF4-FFF2-40B4-BE49-F238E27FC236}">
                <a16:creationId xmlns:a16="http://schemas.microsoft.com/office/drawing/2014/main" id="{5B393097-B882-CFC4-6567-7899279BC42E}"/>
              </a:ext>
            </a:extLst>
          </p:cNvPr>
          <p:cNvSpPr txBox="1"/>
          <p:nvPr/>
        </p:nvSpPr>
        <p:spPr>
          <a:xfrm>
            <a:off x="9442910" y="3397481"/>
            <a:ext cx="61555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>
                <a:latin typeface="+mn-lt"/>
              </a:rPr>
              <a:t>control</a:t>
            </a:r>
            <a:endParaRPr lang="LID4096" dirty="0" err="1">
              <a:latin typeface="+mn-lt"/>
            </a:endParaRP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D4F29CDF-4818-2D02-5300-4F9085BA2C6F}"/>
              </a:ext>
            </a:extLst>
          </p:cNvPr>
          <p:cNvSpPr txBox="1"/>
          <p:nvPr/>
        </p:nvSpPr>
        <p:spPr>
          <a:xfrm>
            <a:off x="7707807" y="3397481"/>
            <a:ext cx="61555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>
                <a:latin typeface="+mn-lt"/>
              </a:rPr>
              <a:t>control</a:t>
            </a:r>
            <a:endParaRPr lang="LID4096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6712849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/>
              <a:t>Syllabu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err="1"/>
              <a:t>TE2015</a:t>
            </a:r>
            <a:r>
              <a:rPr lang="en-GB"/>
              <a:t> Microcontrolador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4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ADAAD781-AD46-4FF0-078B-63F6E86C40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ABOUT THE PROFESSOR</a:t>
            </a:r>
            <a:endParaRPr lang="LID4096"/>
          </a:p>
        </p:txBody>
      </p:sp>
      <p:graphicFrame>
        <p:nvGraphicFramePr>
          <p:cNvPr id="6" name="Content Placeholder 5">
            <a:extLst>
              <a:ext uri="{FF2B5EF4-FFF2-40B4-BE49-F238E27FC236}">
                <a16:creationId xmlns:a16="http://schemas.microsoft.com/office/drawing/2014/main" id="{47E28FF0-C7F9-FE7D-3F5C-9F2CBB7692EE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44656866"/>
              </p:ext>
            </p:extLst>
          </p:nvPr>
        </p:nvGraphicFramePr>
        <p:xfrm>
          <a:off x="761207" y="1706563"/>
          <a:ext cx="10591800" cy="446563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7FF0AA-DC54-C28F-5855-DF7150154BE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5058974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8482D0D-5108-EB32-E170-50F6A2F66F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RESEARCH PROJECTS</a:t>
            </a:r>
            <a:endParaRPr lang="LID4096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1073FC46-8D35-77C1-474A-8D16974240D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2072"/>
          </a:xfrm>
        </p:spPr>
        <p:txBody>
          <a:bodyPr anchor="ctr"/>
          <a:lstStyle/>
          <a:p>
            <a:pPr marL="0" indent="0">
              <a:buNone/>
            </a:pPr>
            <a:r>
              <a:rPr lang="en-US" sz="1600" b="1"/>
              <a:t>Graphene-</a:t>
            </a:r>
            <a:r>
              <a:rPr lang="en-US" sz="1600" b="1" err="1"/>
              <a:t>hBN</a:t>
            </a:r>
            <a:r>
              <a:rPr lang="en-US" sz="1600" b="1"/>
              <a:t> Van der Waals Heterostructures (Technical University of Denmark)</a:t>
            </a:r>
          </a:p>
          <a:p>
            <a:r>
              <a:rPr lang="en-US" sz="1600"/>
              <a:t>Graphene stacking and encapsulation</a:t>
            </a:r>
          </a:p>
          <a:p>
            <a:r>
              <a:rPr lang="en-US" sz="1600"/>
              <a:t>Microfluidics &amp; Electrokinetics</a:t>
            </a:r>
          </a:p>
          <a:p>
            <a:r>
              <a:rPr lang="en-US" sz="1600"/>
              <a:t>Challenges related to TE2015</a:t>
            </a:r>
          </a:p>
          <a:p>
            <a:pPr lvl="1"/>
            <a:r>
              <a:rPr lang="en-US" sz="1600"/>
              <a:t>Pico-liter syringe pump</a:t>
            </a:r>
          </a:p>
          <a:p>
            <a:pPr lvl="1"/>
            <a:r>
              <a:rPr lang="en-US" sz="1600"/>
              <a:t>Vacuum control in desiccator</a:t>
            </a:r>
          </a:p>
          <a:p>
            <a:pPr lvl="1"/>
            <a:r>
              <a:rPr lang="en-US" sz="1600"/>
              <a:t>Precise UV radiation in flood exposure chamber</a:t>
            </a:r>
          </a:p>
          <a:p>
            <a:pPr marL="0" indent="0">
              <a:buNone/>
            </a:pPr>
            <a:r>
              <a:rPr lang="en-US" sz="1600" b="1"/>
              <a:t>Hardware verification of NAND Flash Controller (SAGE Microelectronique, Tecnológico de Monterrey &amp; Hangzhou </a:t>
            </a:r>
            <a:r>
              <a:rPr lang="en-US" sz="1600" b="1" err="1"/>
              <a:t>Dianzi</a:t>
            </a:r>
            <a:r>
              <a:rPr lang="en-US" sz="1600" b="1"/>
              <a:t> University)</a:t>
            </a:r>
          </a:p>
          <a:p>
            <a:r>
              <a:rPr lang="en-US" sz="1600"/>
              <a:t>SystemVerilog testbench development under UVM framework</a:t>
            </a:r>
          </a:p>
          <a:p>
            <a:r>
              <a:rPr lang="en-US" sz="1600"/>
              <a:t>Master students at Tec de Monterrey</a:t>
            </a:r>
          </a:p>
        </p:txBody>
      </p:sp>
      <p:pic>
        <p:nvPicPr>
          <p:cNvPr id="21" name="Picture Placeholder 20" descr="Engineer programming robot in robotics research facility">
            <a:extLst>
              <a:ext uri="{FF2B5EF4-FFF2-40B4-BE49-F238E27FC236}">
                <a16:creationId xmlns:a16="http://schemas.microsoft.com/office/drawing/2014/main" id="{BCCB18C6-B775-710D-30BE-B20BC1688250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312" b="1312"/>
          <a:stretch>
            <a:fillRect/>
          </a:stretch>
        </p:blipFill>
        <p:spPr/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41F1E8-4929-5E99-B651-9FA1387923D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  <p:pic>
        <p:nvPicPr>
          <p:cNvPr id="19" name="Picture Placeholder 18" descr="Doctor writing on tablet with pen">
            <a:extLst>
              <a:ext uri="{FF2B5EF4-FFF2-40B4-BE49-F238E27FC236}">
                <a16:creationId xmlns:a16="http://schemas.microsoft.com/office/drawing/2014/main" id="{F2F8C550-CB14-2089-FB32-AEB80CE5BCDE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366" r="19366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259359205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5453543-14BC-5E9D-FEF9-0715183A6D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TO DOs BEFORE TUESDAY CLASS</a:t>
            </a:r>
            <a:endParaRPr lang="LID4096"/>
          </a:p>
        </p:txBody>
      </p:sp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FE354BEA-3C81-C901-A57E-18A79E6148C7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955090422"/>
              </p:ext>
            </p:extLst>
          </p:nvPr>
        </p:nvGraphicFramePr>
        <p:xfrm>
          <a:off x="1774726" y="1706328"/>
          <a:ext cx="9312374" cy="454557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D72E96C-5ED7-1F35-1B5B-2BE5312D998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6257358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F92C651B-B548-3630-9D86-93EE251C03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WHY A MICROCONTROLLERS CLASS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50B03AD-9235-2D49-AF8A-3A4C8035F16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pic>
        <p:nvPicPr>
          <p:cNvPr id="7" name="Content Placeholder 8">
            <a:extLst>
              <a:ext uri="{FF2B5EF4-FFF2-40B4-BE49-F238E27FC236}">
                <a16:creationId xmlns:a16="http://schemas.microsoft.com/office/drawing/2014/main" id="{86B7E55C-1CAE-9D48-68BA-7D1381202A0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5507649" y="2632203"/>
            <a:ext cx="3994805" cy="234876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Content Placeholder 8">
            <a:extLst>
              <a:ext uri="{FF2B5EF4-FFF2-40B4-BE49-F238E27FC236}">
                <a16:creationId xmlns:a16="http://schemas.microsoft.com/office/drawing/2014/main" id="{072218B6-FA5B-4543-1ED8-2491057740A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727054" y="2000480"/>
            <a:ext cx="6671660" cy="3922640"/>
          </a:xfr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74E0161B-67D9-A1EC-F8B9-28EDA6E44D87}"/>
              </a:ext>
            </a:extLst>
          </p:cNvPr>
          <p:cNvSpPr txBox="1"/>
          <p:nvPr/>
        </p:nvSpPr>
        <p:spPr>
          <a:xfrm>
            <a:off x="730610" y="2075635"/>
            <a:ext cx="3492388" cy="306467"/>
          </a:xfrm>
          <a:prstGeom prst="roundRect">
            <a:avLst/>
          </a:prstGeom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indent="-198000" algn="ctr">
              <a:spcBef>
                <a:spcPct val="20000"/>
              </a:spcBef>
            </a:pPr>
            <a:r>
              <a:rPr lang="en-US" sz="1200">
                <a:solidFill>
                  <a:schemeClr val="bg1"/>
                </a:solidFill>
                <a:latin typeface="+mn-lt"/>
                <a:ea typeface="+mn-ea"/>
              </a:rPr>
              <a:t>APPLICATION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C70F16B-D98A-87F6-B8A6-6CB6B03A9EE9}"/>
              </a:ext>
            </a:extLst>
          </p:cNvPr>
          <p:cNvSpPr txBox="1"/>
          <p:nvPr/>
        </p:nvSpPr>
        <p:spPr>
          <a:xfrm>
            <a:off x="730610" y="2429737"/>
            <a:ext cx="3492388" cy="306467"/>
          </a:xfrm>
          <a:prstGeom prst="roundRect">
            <a:avLst/>
          </a:prstGeom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indent="-198000" algn="ctr">
              <a:spcBef>
                <a:spcPct val="20000"/>
              </a:spcBef>
            </a:pPr>
            <a:r>
              <a:rPr lang="en-US" sz="1200">
                <a:solidFill>
                  <a:schemeClr val="bg1"/>
                </a:solidFill>
                <a:latin typeface="+mn-lt"/>
                <a:ea typeface="+mn-ea"/>
              </a:rPr>
              <a:t>ALGORITHMS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88447F3D-4768-829B-D282-2AF34023F4C0}"/>
              </a:ext>
            </a:extLst>
          </p:cNvPr>
          <p:cNvSpPr txBox="1"/>
          <p:nvPr/>
        </p:nvSpPr>
        <p:spPr>
          <a:xfrm>
            <a:off x="730610" y="2783839"/>
            <a:ext cx="3492388" cy="306467"/>
          </a:xfrm>
          <a:prstGeom prst="roundRect">
            <a:avLst/>
          </a:prstGeom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indent="-198000" algn="ctr">
              <a:spcBef>
                <a:spcPct val="20000"/>
              </a:spcBef>
            </a:pPr>
            <a:r>
              <a:rPr lang="en-US" sz="1200">
                <a:solidFill>
                  <a:schemeClr val="bg1"/>
                </a:solidFill>
                <a:latin typeface="+mn-lt"/>
                <a:ea typeface="+mn-ea"/>
              </a:rPr>
              <a:t>PROGRAMMING LANGUAGES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D614186C-7ADE-51A5-F175-434295583B75}"/>
              </a:ext>
            </a:extLst>
          </p:cNvPr>
          <p:cNvSpPr txBox="1"/>
          <p:nvPr/>
        </p:nvSpPr>
        <p:spPr>
          <a:xfrm>
            <a:off x="730610" y="3137941"/>
            <a:ext cx="3492388" cy="306467"/>
          </a:xfrm>
          <a:prstGeom prst="roundRect">
            <a:avLst/>
          </a:prstGeom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indent="-198000" algn="ctr">
              <a:spcBef>
                <a:spcPct val="20000"/>
              </a:spcBef>
            </a:pPr>
            <a:r>
              <a:rPr lang="en-US" sz="1200">
                <a:solidFill>
                  <a:schemeClr val="bg1"/>
                </a:solidFill>
                <a:latin typeface="+mn-lt"/>
                <a:ea typeface="+mn-ea"/>
              </a:rPr>
              <a:t>OPERATING SYSTEMS/VIRTUAL MACHINES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11F1C11-3592-1619-83E2-BE3C195EEDDC}"/>
              </a:ext>
            </a:extLst>
          </p:cNvPr>
          <p:cNvSpPr txBox="1"/>
          <p:nvPr/>
        </p:nvSpPr>
        <p:spPr>
          <a:xfrm>
            <a:off x="730610" y="3492043"/>
            <a:ext cx="3492388" cy="306467"/>
          </a:xfrm>
          <a:prstGeom prst="roundRect">
            <a:avLst/>
          </a:prstGeom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indent="-198000" algn="ctr">
              <a:spcBef>
                <a:spcPct val="20000"/>
              </a:spcBef>
            </a:pPr>
            <a:r>
              <a:rPr lang="en-US" sz="1200">
                <a:solidFill>
                  <a:schemeClr val="bg1"/>
                </a:solidFill>
                <a:latin typeface="+mn-lt"/>
                <a:ea typeface="+mn-ea"/>
              </a:rPr>
              <a:t>INSTRUCTION SET ARCHITECTURE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CB380FD-0F75-FC81-52A7-623448DAFF98}"/>
              </a:ext>
            </a:extLst>
          </p:cNvPr>
          <p:cNvSpPr txBox="1"/>
          <p:nvPr/>
        </p:nvSpPr>
        <p:spPr>
          <a:xfrm>
            <a:off x="730610" y="3846145"/>
            <a:ext cx="3492388" cy="306467"/>
          </a:xfrm>
          <a:prstGeom prst="roundRect">
            <a:avLst/>
          </a:prstGeom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indent="-198000" algn="ctr">
              <a:spcBef>
                <a:spcPct val="20000"/>
              </a:spcBef>
            </a:pPr>
            <a:r>
              <a:rPr lang="en-US" sz="1200">
                <a:solidFill>
                  <a:schemeClr val="bg1"/>
                </a:solidFill>
                <a:latin typeface="+mn-lt"/>
                <a:ea typeface="+mn-ea"/>
              </a:rPr>
              <a:t>MICROARCHITECTURE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75EBA1D-0023-999E-3C31-7B5BBED9E6F5}"/>
              </a:ext>
            </a:extLst>
          </p:cNvPr>
          <p:cNvSpPr txBox="1"/>
          <p:nvPr/>
        </p:nvSpPr>
        <p:spPr>
          <a:xfrm>
            <a:off x="730610" y="4200247"/>
            <a:ext cx="3492388" cy="306467"/>
          </a:xfrm>
          <a:prstGeom prst="roundRect">
            <a:avLst/>
          </a:prstGeom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indent="-198000" algn="ctr">
              <a:spcBef>
                <a:spcPct val="20000"/>
              </a:spcBef>
            </a:pPr>
            <a:r>
              <a:rPr lang="en-US" sz="1200">
                <a:solidFill>
                  <a:schemeClr val="bg1"/>
                </a:solidFill>
                <a:latin typeface="+mn-lt"/>
                <a:ea typeface="+mn-ea"/>
              </a:rPr>
              <a:t>REGISTER-TRANSFER LEVEL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F340D0BD-03F4-6EB7-FE33-C415390B5B0D}"/>
              </a:ext>
            </a:extLst>
          </p:cNvPr>
          <p:cNvSpPr txBox="1"/>
          <p:nvPr/>
        </p:nvSpPr>
        <p:spPr>
          <a:xfrm>
            <a:off x="730610" y="4554349"/>
            <a:ext cx="3492388" cy="306467"/>
          </a:xfrm>
          <a:prstGeom prst="roundRect">
            <a:avLst/>
          </a:prstGeom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indent="-198000" algn="ctr">
              <a:spcBef>
                <a:spcPct val="20000"/>
              </a:spcBef>
            </a:pPr>
            <a:r>
              <a:rPr lang="en-US" sz="1200">
                <a:solidFill>
                  <a:schemeClr val="bg1"/>
                </a:solidFill>
                <a:latin typeface="+mn-lt"/>
                <a:ea typeface="+mn-ea"/>
              </a:rPr>
              <a:t>LOGIC GATES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50B1F8DD-A969-8AF3-1E10-45BE7723ED9D}"/>
              </a:ext>
            </a:extLst>
          </p:cNvPr>
          <p:cNvSpPr txBox="1"/>
          <p:nvPr/>
        </p:nvSpPr>
        <p:spPr>
          <a:xfrm>
            <a:off x="730610" y="4908451"/>
            <a:ext cx="3492388" cy="306467"/>
          </a:xfrm>
          <a:prstGeom prst="roundRect">
            <a:avLst/>
          </a:prstGeom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indent="-198000" algn="ctr">
              <a:spcBef>
                <a:spcPct val="20000"/>
              </a:spcBef>
            </a:pPr>
            <a:r>
              <a:rPr lang="en-US" sz="1200">
                <a:solidFill>
                  <a:schemeClr val="bg1"/>
                </a:solidFill>
                <a:latin typeface="+mn-lt"/>
                <a:ea typeface="+mn-ea"/>
              </a:rPr>
              <a:t>ELECTRICAL CIRCUITS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499D03EC-367A-7FA0-EF64-A0EF1F28A754}"/>
              </a:ext>
            </a:extLst>
          </p:cNvPr>
          <p:cNvSpPr txBox="1"/>
          <p:nvPr/>
        </p:nvSpPr>
        <p:spPr>
          <a:xfrm>
            <a:off x="730610" y="5262553"/>
            <a:ext cx="3492388" cy="306467"/>
          </a:xfrm>
          <a:prstGeom prst="roundRect">
            <a:avLst/>
          </a:prstGeom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indent="-198000" algn="ctr">
              <a:spcBef>
                <a:spcPct val="20000"/>
              </a:spcBef>
            </a:pPr>
            <a:r>
              <a:rPr lang="en-US" sz="1200">
                <a:solidFill>
                  <a:schemeClr val="bg1"/>
                </a:solidFill>
                <a:latin typeface="+mn-lt"/>
                <a:ea typeface="+mn-ea"/>
              </a:rPr>
              <a:t>SEMICONDUCTOR DEVICES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19D3D237-7A9F-390B-8E7A-78140E94087C}"/>
              </a:ext>
            </a:extLst>
          </p:cNvPr>
          <p:cNvSpPr txBox="1"/>
          <p:nvPr/>
        </p:nvSpPr>
        <p:spPr>
          <a:xfrm>
            <a:off x="730610" y="5616653"/>
            <a:ext cx="3492388" cy="306467"/>
          </a:xfrm>
          <a:prstGeom prst="roundRect">
            <a:avLst/>
          </a:prstGeom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indent="-198000" algn="ctr">
              <a:spcBef>
                <a:spcPct val="20000"/>
              </a:spcBef>
            </a:pPr>
            <a:r>
              <a:rPr lang="en-US" sz="1200">
                <a:solidFill>
                  <a:schemeClr val="bg1"/>
                </a:solidFill>
                <a:latin typeface="+mn-lt"/>
                <a:ea typeface="+mn-ea"/>
              </a:rPr>
              <a:t>PHYSICS</a:t>
            </a:r>
          </a:p>
        </p:txBody>
      </p:sp>
    </p:spTree>
    <p:extLst>
      <p:ext uri="{BB962C8B-B14F-4D97-AF65-F5344CB8AC3E}">
        <p14:creationId xmlns:p14="http://schemas.microsoft.com/office/powerpoint/2010/main" val="42262181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mph" presetSubtype="2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>
                                        <p:cTn id="6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fillcolor</p:attrName>
                                        </p:attrNameLst>
                                      </p:cBhvr>
                                      <p:to>
                                        <a:srgbClr val="E2FA00"/>
                                      </p:to>
                                    </p:animClr>
                                    <p:set>
                                      <p:cBhvr>
                                        <p:cTn id="7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fill.type</p:attrName>
                                        </p:attrNameLst>
                                      </p:cBhvr>
                                      <p:to>
                                        <p:strVal val="solid"/>
                                      </p:to>
                                    </p:set>
                                    <p:set>
                                      <p:cBhvr>
                                        <p:cTn id="8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fill.on</p:attrName>
                                        </p:attrNameLst>
                                      </p:cBhvr>
                                      <p:to>
                                        <p:strVal val="tru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mph" presetSubtype="2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>
                                        <p:cTn id="10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fillcolor</p:attrName>
                                        </p:attrNameLst>
                                      </p:cBhvr>
                                      <p:to>
                                        <a:srgbClr val="E2FA00"/>
                                      </p:to>
                                    </p:animClr>
                                    <p:set>
                                      <p:cBhvr>
                                        <p:cTn id="11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fill.type</p:attrName>
                                        </p:attrNameLst>
                                      </p:cBhvr>
                                      <p:to>
                                        <p:strVal val="solid"/>
                                      </p:to>
                                    </p:set>
                                    <p:set>
                                      <p:cBhvr>
                                        <p:cTn id="12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fill.on</p:attrName>
                                        </p:attrNameLst>
                                      </p:cBhvr>
                                      <p:to>
                                        <p:strVal val="tru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mph" presetSubtype="2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>
                                        <p:cTn id="14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fillcolor</p:attrName>
                                        </p:attrNameLst>
                                      </p:cBhvr>
                                      <p:to>
                                        <a:srgbClr val="E2FA00"/>
                                      </p:to>
                                    </p:animClr>
                                    <p:set>
                                      <p:cBhvr>
                                        <p:cTn id="15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fill.type</p:attrName>
                                        </p:attrNameLst>
                                      </p:cBhvr>
                                      <p:to>
                                        <p:strVal val="solid"/>
                                      </p:to>
                                    </p:set>
                                    <p:set>
                                      <p:cBhvr>
                                        <p:cTn id="16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fill.on</p:attrName>
                                        </p:attrNameLst>
                                      </p:cBhvr>
                                      <p:to>
                                        <p:strVal val="tru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mph" presetSubtype="2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>
                                        <p:cTn id="18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fillcolor</p:attrName>
                                        </p:attrNameLst>
                                      </p:cBhvr>
                                      <p:to>
                                        <a:srgbClr val="E2FA00"/>
                                      </p:to>
                                    </p:animClr>
                                    <p:set>
                                      <p:cBhvr>
                                        <p:cTn id="19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fill.type</p:attrName>
                                        </p:attrNameLst>
                                      </p:cBhvr>
                                      <p:to>
                                        <p:strVal val="solid"/>
                                      </p:to>
                                    </p:set>
                                    <p:set>
                                      <p:cBhvr>
                                        <p:cTn id="20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fill.on</p:attrName>
                                        </p:attrNameLst>
                                      </p:cBhvr>
                                      <p:to>
                                        <p:strVal val="tru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mph" presetSubtype="2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>
                                        <p:cTn id="22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fillcolor</p:attrName>
                                        </p:attrNameLst>
                                      </p:cBhvr>
                                      <p:to>
                                        <a:srgbClr val="E2FA00"/>
                                      </p:to>
                                    </p:animClr>
                                    <p:set>
                                      <p:cBhvr>
                                        <p:cTn id="23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fill.type</p:attrName>
                                        </p:attrNameLst>
                                      </p:cBhvr>
                                      <p:to>
                                        <p:strVal val="solid"/>
                                      </p:to>
                                    </p:set>
                                    <p:set>
                                      <p:cBhvr>
                                        <p:cTn id="24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fill.on</p:attrName>
                                        </p:attrNameLst>
                                      </p:cBhvr>
                                      <p:to>
                                        <p:strVal val="tru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3" presetClass="emph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 override="childStyle">
                                        <p:cTn id="26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color</p:attrName>
                                        </p:attrNameLst>
                                      </p:cBhvr>
                                      <p:to>
                                        <a:srgbClr val="000000"/>
                                      </p:to>
                                    </p:animClr>
                                  </p:childTnLst>
                                </p:cTn>
                              </p:par>
                              <p:par>
                                <p:cTn id="27" presetID="3" presetClass="emph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 override="childStyle">
                                        <p:cTn id="28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color</p:attrName>
                                        </p:attrNameLst>
                                      </p:cBhvr>
                                      <p:to>
                                        <a:srgbClr val="000000"/>
                                      </p:to>
                                    </p:animClr>
                                  </p:childTnLst>
                                </p:cTn>
                              </p:par>
                              <p:par>
                                <p:cTn id="29" presetID="3" presetClass="emph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 override="childStyle">
                                        <p:cTn id="30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color</p:attrName>
                                        </p:attrNameLst>
                                      </p:cBhvr>
                                      <p:to>
                                        <a:srgbClr val="000000"/>
                                      </p:to>
                                    </p:animClr>
                                  </p:childTnLst>
                                </p:cTn>
                              </p:par>
                              <p:par>
                                <p:cTn id="31" presetID="3" presetClass="emph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 override="childStyle">
                                        <p:cTn id="32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color</p:attrName>
                                        </p:attrNameLst>
                                      </p:cBhvr>
                                      <p:to>
                                        <a:srgbClr val="000000"/>
                                      </p:to>
                                    </p:animClr>
                                  </p:childTnLst>
                                </p:cTn>
                              </p:par>
                              <p:par>
                                <p:cTn id="33" presetID="3" presetClass="emph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 override="childStyle">
                                        <p:cTn id="34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color</p:attrName>
                                        </p:attrNameLst>
                                      </p:cBhvr>
                                      <p:to>
                                        <a:srgbClr val="000000"/>
                                      </p:to>
                                    </p:animClr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11" grpId="0" animBg="1"/>
      <p:bldP spid="12" grpId="0" animBg="1"/>
      <p:bldP spid="14" grpId="0" animBg="1"/>
      <p:bldP spid="15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760B2BA-9B4F-3C54-BE9A-BC10E5565DA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ASS SCOPE</a:t>
            </a:r>
            <a:endParaRPr lang="LID4096"/>
          </a:p>
        </p:txBody>
      </p:sp>
      <p:graphicFrame>
        <p:nvGraphicFramePr>
          <p:cNvPr id="14" name="Content Placeholder 13">
            <a:extLst>
              <a:ext uri="{FF2B5EF4-FFF2-40B4-BE49-F238E27FC236}">
                <a16:creationId xmlns:a16="http://schemas.microsoft.com/office/drawing/2014/main" id="{FADC8B9A-D832-5C58-4E95-0A3295F81E94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2241410548"/>
              </p:ext>
            </p:extLst>
          </p:nvPr>
        </p:nvGraphicFramePr>
        <p:xfrm>
          <a:off x="7303343" y="1706563"/>
          <a:ext cx="4408487" cy="45466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F401781-C33A-7CE5-5BB7-F99093C306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E7989CE9-DDD0-D524-AA70-53B2E78E656D}"/>
              </a:ext>
            </a:extLst>
          </p:cNvPr>
          <p:cNvSpPr/>
          <p:nvPr/>
        </p:nvSpPr>
        <p:spPr bwMode="auto">
          <a:xfrm>
            <a:off x="5056832" y="1551397"/>
            <a:ext cx="7034618" cy="4931566"/>
          </a:xfrm>
          <a:prstGeom prst="roundRect">
            <a:avLst>
              <a:gd name="adj" fmla="val 1833"/>
            </a:avLst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aphicFrame>
        <p:nvGraphicFramePr>
          <p:cNvPr id="16" name="Content Placeholder 8">
            <a:extLst>
              <a:ext uri="{FF2B5EF4-FFF2-40B4-BE49-F238E27FC236}">
                <a16:creationId xmlns:a16="http://schemas.microsoft.com/office/drawing/2014/main" id="{1E23D4D9-90B5-60DC-FF8A-A21A7F0A59BC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2870481783"/>
              </p:ext>
            </p:extLst>
          </p:nvPr>
        </p:nvGraphicFramePr>
        <p:xfrm>
          <a:off x="946635" y="1743880"/>
          <a:ext cx="6012667" cy="4509283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7" r:lo="rId8" r:qs="rId9" r:cs="rId10"/>
          </a:graphicData>
        </a:graphic>
      </p:graphicFrame>
    </p:spTree>
    <p:extLst>
      <p:ext uri="{BB962C8B-B14F-4D97-AF65-F5344CB8AC3E}">
        <p14:creationId xmlns:p14="http://schemas.microsoft.com/office/powerpoint/2010/main" val="254420057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2" id="{A611AD58-0D0F-4A5D-85DD-F6F3227D2876}" vid="{2D6AE17D-3D63-49A5-B0E7-5D750CF11311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+XuOfYOghDuQRTvR841VHg=="}]}]]></TemplafyFormConfiguration>
</file>

<file path=customXml/item2.xml><?xml version="1.0" encoding="utf-8"?>
<TemplafyTemplateConfiguration><![CDATA[{"elementsMetadata":[{"type":"shape","id":"b1bbc462-e1d5-4868-9c87-bf382fa51339","elementConfiguration":{"binding":"UserProfile.Offices.Workarea_{{DocumentLanguage}}","disableUpdates":false,"type":"text"}},{"type":"shape","id":"43bb06f3-a301-45d7-99c1-79f071616c2c","elementConfiguration":{"format":"{{DateFormats.GeneralDate}}","binding":"Form.Date","disableUpdates":false,"type":"date"}},{"type":"shape","id":"299c2bdf-8e40-4d60-b65e-d3b387672b96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822015789149163","enableDocumentContentUpdater":true,"version":"1.2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822015789305407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086A146-0E09-4AA0-A3DC-33B2C18DA71A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67919094-E09D-4390-A4AE-6883C8770F20}">
  <ds:schemaRefs/>
</ds:datastoreItem>
</file>

<file path=customXml/itemProps4.xml><?xml version="1.0" encoding="utf-8"?>
<ds:datastoreItem xmlns:ds="http://schemas.openxmlformats.org/officeDocument/2006/customXml" ds:itemID="{2B9466E3-7A84-4564-80FD-6C0E78204366}">
  <ds:schemaRefs/>
</ds:datastoreItem>
</file>

<file path=customXml/itemProps5.xml><?xml version="1.0" encoding="utf-8"?>
<ds:datastoreItem xmlns:ds="http://schemas.openxmlformats.org/officeDocument/2006/customXml" ds:itemID="{FEB336AD-412E-4A6A-BBCC-D419DF141969}">
  <ds:schemaRefs/>
</ds:datastoreItem>
</file>

<file path=customXml/itemProps6.xml><?xml version="1.0" encoding="utf-8"?>
<ds:datastoreItem xmlns:ds="http://schemas.openxmlformats.org/officeDocument/2006/customXml" ds:itemID="{67FA1DAD-F71B-4C9A-9254-C5592BC3383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EC</Template>
  <TotalTime>2205</TotalTime>
  <Words>1498</Words>
  <Application>Microsoft Office PowerPoint</Application>
  <PresentationFormat>Custom</PresentationFormat>
  <Paragraphs>450</Paragraphs>
  <Slides>31</Slides>
  <Notes>1</Notes>
  <HiddenSlides>0</HiddenSlides>
  <MMClips>2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1</vt:i4>
      </vt:variant>
    </vt:vector>
  </HeadingPairs>
  <TitlesOfParts>
    <vt:vector size="34" baseType="lpstr">
      <vt:lpstr>Arial</vt:lpstr>
      <vt:lpstr>Verdana</vt:lpstr>
      <vt:lpstr>Blank</vt:lpstr>
      <vt:lpstr>PowerPoint Presentation</vt:lpstr>
      <vt:lpstr>Microcontroladores</vt:lpstr>
      <vt:lpstr>OUTLINE</vt:lpstr>
      <vt:lpstr>Syllabus</vt:lpstr>
      <vt:lpstr>ABOUT THE PROFESSOR</vt:lpstr>
      <vt:lpstr>RESEARCH PROJECTS</vt:lpstr>
      <vt:lpstr>TO DOs BEFORE TUESDAY CLASS</vt:lpstr>
      <vt:lpstr>WHY A MICROCONTROLLERS CLASS?</vt:lpstr>
      <vt:lpstr>CLASS SCOPE</vt:lpstr>
      <vt:lpstr>CLASS TOPICS</vt:lpstr>
      <vt:lpstr>CLASS ACTIVITIES</vt:lpstr>
      <vt:lpstr>LABORATORY</vt:lpstr>
      <vt:lpstr>LABORATORY</vt:lpstr>
      <vt:lpstr>CLASS RESOURCES</vt:lpstr>
      <vt:lpstr>The history of the microcomputer</vt:lpstr>
      <vt:lpstr>PowerPoint Presentation</vt:lpstr>
      <vt:lpstr>PowerPoint Presentation</vt:lpstr>
      <vt:lpstr>PowerPoint Presentation</vt:lpstr>
      <vt:lpstr>PowerPoint Presentation</vt:lpstr>
      <vt:lpstr>Microchip fabrication process</vt:lpstr>
      <vt:lpstr>SEMICONDUCTORS FABRICATION PROCESS</vt:lpstr>
      <vt:lpstr>SEMICONDUCTORS FABRICATION PROCESS</vt:lpstr>
      <vt:lpstr>PowerPoint Presentation</vt:lpstr>
      <vt:lpstr>INTEL 4004 (1971)</vt:lpstr>
      <vt:lpstr>Von Neumann and Harvard Architectures</vt:lpstr>
      <vt:lpstr>PowerPoint Presentation</vt:lpstr>
      <vt:lpstr>PowerPoint Presentation</vt:lpstr>
      <vt:lpstr>VON NEUMANN ARCHITECTURE</vt:lpstr>
      <vt:lpstr>VON NEUMANN ARCHITECTURE</vt:lpstr>
      <vt:lpstr>VON NEUMANN EXAMPLE: INTEL 4004</vt:lpstr>
      <vt:lpstr>VON NEUMANN VS HARVARD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atias Vázquez Piñón</dc:creator>
  <cp:lastModifiedBy>Matias Vázquez Piñón</cp:lastModifiedBy>
  <cp:revision>1</cp:revision>
  <dcterms:created xsi:type="dcterms:W3CDTF">2022-07-11T09:06:09Z</dcterms:created>
  <dcterms:modified xsi:type="dcterms:W3CDTF">2022-08-15T09:07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7829274160799217</vt:lpwstr>
  </property>
  <property fmtid="{D5CDD505-2E9C-101B-9397-08002B2CF9AE}" pid="7" name="TemplafyLanguageCode">
    <vt:lpwstr>en-GB</vt:lpwstr>
  </property>
</Properties>
</file>